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filterPrivacy="1" defaultThemeVersion="124226"/>
  <xr:revisionPtr revIDLastSave="0" documentId="13_ncr:1_{BDA978D2-C702-4CAD-A889-95E44D1CF723}" xr6:coauthVersionLast="47" xr6:coauthVersionMax="47" xr10:uidLastSave="{00000000-0000-0000-0000-000000000000}"/>
  <bookViews>
    <workbookView xWindow="-120" yWindow="-120" windowWidth="20730" windowHeight="11040" tabRatio="846" xr2:uid="{00000000-000D-0000-FFFF-FFFF00000000}"/>
  </bookViews>
  <sheets>
    <sheet name="R8総括表" sheetId="7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s>
  <definedNames>
    <definedName name="_a" hidden="1">'[1]#REF'!$B$9:$B$51</definedName>
    <definedName name="_Fill" hidden="1">[2]RAK01AD!$B$9:$B$51</definedName>
    <definedName name="_Order1" hidden="1">255</definedName>
    <definedName name="_Order2" hidden="1">255</definedName>
    <definedName name="①1" localSheetId="0">#REF!</definedName>
    <definedName name="①1">#REF!</definedName>
    <definedName name="①2" localSheetId="0">#REF!</definedName>
    <definedName name="①2">#REF!</definedName>
    <definedName name="②" localSheetId="0">#REF!</definedName>
    <definedName name="②">#REF!</definedName>
    <definedName name="②1" localSheetId="0">#REF!</definedName>
    <definedName name="②1">#REF!</definedName>
    <definedName name="②2" localSheetId="0">#REF!</definedName>
    <definedName name="②2">#REF!</definedName>
    <definedName name="③1" localSheetId="0">#REF!</definedName>
    <definedName name="③1">#REF!</definedName>
    <definedName name="③2" localSheetId="0">#REF!</definedName>
    <definedName name="③2">#REF!</definedName>
    <definedName name="④1" localSheetId="0">#REF!</definedName>
    <definedName name="④1">#REF!</definedName>
    <definedName name="④2" localSheetId="0">#REF!</definedName>
    <definedName name="④2">#REF!</definedName>
    <definedName name="⑥1" localSheetId="0">#REF!</definedName>
    <definedName name="⑥1">#REF!</definedName>
    <definedName name="a" localSheetId="0">#REF!</definedName>
    <definedName name="a">#REF!</definedName>
    <definedName name="b" localSheetId="0">#REF!</definedName>
    <definedName name="b">#REF!</definedName>
    <definedName name="d" localSheetId="0">#REF!</definedName>
    <definedName name="d">#REF!</definedName>
    <definedName name="D_SYOKUINExcel" localSheetId="0">#REF!</definedName>
    <definedName name="D_SYOKUINExcel">#REF!</definedName>
    <definedName name="dその他_教員">6000</definedName>
    <definedName name="dその他_職員">6800</definedName>
    <definedName name="print">#REF!</definedName>
    <definedName name="_xlnm.Print_Area" localSheetId="0">'R8総括表'!$A$1:$I$33</definedName>
    <definedName name="_xlnm.Print_Area">#REF!</definedName>
    <definedName name="q_計画図一覧計画図単位" localSheetId="0">#REF!</definedName>
    <definedName name="q_計画図一覧計画図単位">#REF!</definedName>
    <definedName name="rrr">'[3]様式16（見直しチェックシート）'!$U$53:$V$53</definedName>
    <definedName name="あいうえお" localSheetId="0">#REF!</definedName>
    <definedName name="あいうえお">#REF!</definedName>
    <definedName name="か" localSheetId="0">#REF!</definedName>
    <definedName name="か">#REF!</definedName>
    <definedName name="かな" localSheetId="0">#REF!</definedName>
    <definedName name="かな">#REF!</definedName>
    <definedName name="き" localSheetId="0">#REF!</definedName>
    <definedName name="き">#REF!</definedName>
    <definedName name="く" localSheetId="0">#REF!</definedName>
    <definedName name="く">#REF!</definedName>
    <definedName name="け" localSheetId="0">#REF!</definedName>
    <definedName name="け">#REF!</definedName>
    <definedName name="こ" localSheetId="0">#REF!</definedName>
    <definedName name="こ">#REF!</definedName>
    <definedName name="し" localSheetId="0">#REF!</definedName>
    <definedName name="し">#REF!</definedName>
    <definedName name="す" localSheetId="0">#REF!</definedName>
    <definedName name="す">#REF!</definedName>
    <definedName name="せ" localSheetId="0">#REF!</definedName>
    <definedName name="せ">#REF!</definedName>
    <definedName name="その他経費営業外費用金額_1" localSheetId="0">#REF!</definedName>
    <definedName name="その他経費営業外費用金額_1">#REF!</definedName>
    <definedName name="その他経費営業外費用金額_10" localSheetId="0">#REF!</definedName>
    <definedName name="その他経費営業外費用金額_10">#REF!</definedName>
    <definedName name="その他経費営業外費用金額_11" localSheetId="0">#REF!</definedName>
    <definedName name="その他経費営業外費用金額_11">#REF!</definedName>
    <definedName name="その他経費営業外費用金額_12" localSheetId="0">#REF!</definedName>
    <definedName name="その他経費営業外費用金額_12">#REF!</definedName>
    <definedName name="その他経費営業外費用金額_13" localSheetId="0">#REF!</definedName>
    <definedName name="その他経費営業外費用金額_13">#REF!</definedName>
    <definedName name="その他経費営業外費用金額_14" localSheetId="0">#REF!</definedName>
    <definedName name="その他経費営業外費用金額_14">#REF!</definedName>
    <definedName name="その他経費営業外費用金額_15" localSheetId="0">#REF!</definedName>
    <definedName name="その他経費営業外費用金額_15">#REF!</definedName>
    <definedName name="その他経費営業外費用金額_16" localSheetId="0">#REF!</definedName>
    <definedName name="その他経費営業外費用金額_16">#REF!</definedName>
    <definedName name="その他経費営業外費用金額_17" localSheetId="0">#REF!</definedName>
    <definedName name="その他経費営業外費用金額_17">#REF!</definedName>
    <definedName name="その他経費営業外費用金額_18" localSheetId="0">#REF!</definedName>
    <definedName name="その他経費営業外費用金額_18">#REF!</definedName>
    <definedName name="その他経費営業外費用金額_19" localSheetId="0">#REF!</definedName>
    <definedName name="その他経費営業外費用金額_19">#REF!</definedName>
    <definedName name="その他経費営業外費用金額_2" localSheetId="0">#REF!</definedName>
    <definedName name="その他経費営業外費用金額_2">#REF!</definedName>
    <definedName name="その他経費営業外費用金額_20" localSheetId="0">#REF!</definedName>
    <definedName name="その他経費営業外費用金額_20">#REF!</definedName>
    <definedName name="その他経費営業外費用金額_21" localSheetId="0">#REF!</definedName>
    <definedName name="その他経費営業外費用金額_21">#REF!</definedName>
    <definedName name="その他経費営業外費用金額_3" localSheetId="0">#REF!</definedName>
    <definedName name="その他経費営業外費用金額_3">#REF!</definedName>
    <definedName name="その他経費営業外費用金額_4" localSheetId="0">#REF!</definedName>
    <definedName name="その他経費営業外費用金額_4">#REF!</definedName>
    <definedName name="その他経費営業外費用金額_5" localSheetId="0">#REF!</definedName>
    <definedName name="その他経費営業外費用金額_5">#REF!</definedName>
    <definedName name="その他経費営業外費用金額_6" localSheetId="0">#REF!</definedName>
    <definedName name="その他経費営業外費用金額_6">#REF!</definedName>
    <definedName name="その他経費営業外費用金額_7" localSheetId="0">#REF!</definedName>
    <definedName name="その他経費営業外費用金額_7">#REF!</definedName>
    <definedName name="その他経費営業外費用金額_8" localSheetId="0">#REF!</definedName>
    <definedName name="その他経費営業外費用金額_8">#REF!</definedName>
    <definedName name="その他経費営業外費用金額_9" localSheetId="0">#REF!</definedName>
    <definedName name="その他経費営業外費用金額_9">#REF!</definedName>
    <definedName name="その他経費営業外費用税額_1" localSheetId="0">#REF!</definedName>
    <definedName name="その他経費営業外費用税額_1">#REF!</definedName>
    <definedName name="その他経費営業外費用税額_10" localSheetId="0">#REF!</definedName>
    <definedName name="その他経費営業外費用税額_10">#REF!</definedName>
    <definedName name="その他経費営業外費用税額_11" localSheetId="0">#REF!</definedName>
    <definedName name="その他経費営業外費用税額_11">#REF!</definedName>
    <definedName name="その他経費営業外費用税額_12" localSheetId="0">#REF!</definedName>
    <definedName name="その他経費営業外費用税額_12">#REF!</definedName>
    <definedName name="その他経費営業外費用税額_13" localSheetId="0">#REF!</definedName>
    <definedName name="その他経費営業外費用税額_13">#REF!</definedName>
    <definedName name="その他経費営業外費用税額_14" localSheetId="0">#REF!</definedName>
    <definedName name="その他経費営業外費用税額_14">#REF!</definedName>
    <definedName name="その他経費営業外費用税額_15" localSheetId="0">#REF!</definedName>
    <definedName name="その他経費営業外費用税額_15">#REF!</definedName>
    <definedName name="その他経費営業外費用税額_16" localSheetId="0">#REF!</definedName>
    <definedName name="その他経費営業外費用税額_16">#REF!</definedName>
    <definedName name="その他経費営業外費用税額_17" localSheetId="0">#REF!</definedName>
    <definedName name="その他経費営業外費用税額_17">#REF!</definedName>
    <definedName name="その他経費営業外費用税額_18" localSheetId="0">#REF!</definedName>
    <definedName name="その他経費営業外費用税額_18">#REF!</definedName>
    <definedName name="その他経費営業外費用税額_19" localSheetId="0">#REF!</definedName>
    <definedName name="その他経費営業外費用税額_19">#REF!</definedName>
    <definedName name="その他経費営業外費用税額_2" localSheetId="0">#REF!</definedName>
    <definedName name="その他経費営業外費用税額_2">#REF!</definedName>
    <definedName name="その他経費営業外費用税額_20" localSheetId="0">#REF!</definedName>
    <definedName name="その他経費営業外費用税額_20">#REF!</definedName>
    <definedName name="その他経費営業外費用税額_21" localSheetId="0">#REF!</definedName>
    <definedName name="その他経費営業外費用税額_21">#REF!</definedName>
    <definedName name="その他経費営業外費用税額_3" localSheetId="0">#REF!</definedName>
    <definedName name="その他経費営業外費用税額_3">#REF!</definedName>
    <definedName name="その他経費営業外費用税額_4" localSheetId="0">#REF!</definedName>
    <definedName name="その他経費営業外費用税額_4">#REF!</definedName>
    <definedName name="その他経費営業外費用税額_5" localSheetId="0">#REF!</definedName>
    <definedName name="その他経費営業外費用税額_5">#REF!</definedName>
    <definedName name="その他経費営業外費用税額_6" localSheetId="0">#REF!</definedName>
    <definedName name="その他経費営業外費用税額_6">#REF!</definedName>
    <definedName name="その他経費営業外費用税額_7" localSheetId="0">#REF!</definedName>
    <definedName name="その他経費営業外費用税額_7">#REF!</definedName>
    <definedName name="その他経費営業外費用税額_8" localSheetId="0">#REF!</definedName>
    <definedName name="その他経費営業外費用税額_8">#REF!</definedName>
    <definedName name="その他経費営業外費用税額_9" localSheetId="0">#REF!</definedName>
    <definedName name="その他経費営業外費用税額_9">#REF!</definedName>
    <definedName name="その他経費左記以外金額_1" localSheetId="0">#REF!</definedName>
    <definedName name="その他経費左記以外金額_1">#REF!</definedName>
    <definedName name="その他経費左記以外金額_10" localSheetId="0">#REF!</definedName>
    <definedName name="その他経費左記以外金額_10">#REF!</definedName>
    <definedName name="その他経費左記以外金額_11" localSheetId="0">#REF!</definedName>
    <definedName name="その他経費左記以外金額_11">#REF!</definedName>
    <definedName name="その他経費左記以外金額_12" localSheetId="0">#REF!</definedName>
    <definedName name="その他経費左記以外金額_12">#REF!</definedName>
    <definedName name="その他経費左記以外金額_13" localSheetId="0">#REF!</definedName>
    <definedName name="その他経費左記以外金額_13">#REF!</definedName>
    <definedName name="その他経費左記以外金額_14" localSheetId="0">#REF!</definedName>
    <definedName name="その他経費左記以外金額_14">#REF!</definedName>
    <definedName name="その他経費左記以外金額_15" localSheetId="0">#REF!</definedName>
    <definedName name="その他経費左記以外金額_15">#REF!</definedName>
    <definedName name="その他経費左記以外金額_16" localSheetId="0">#REF!</definedName>
    <definedName name="その他経費左記以外金額_16">#REF!</definedName>
    <definedName name="その他経費左記以外金額_17" localSheetId="0">#REF!</definedName>
    <definedName name="その他経費左記以外金額_17">#REF!</definedName>
    <definedName name="その他経費左記以外金額_18" localSheetId="0">#REF!</definedName>
    <definedName name="その他経費左記以外金額_18">#REF!</definedName>
    <definedName name="その他経費左記以外金額_19" localSheetId="0">#REF!</definedName>
    <definedName name="その他経費左記以外金額_19">#REF!</definedName>
    <definedName name="その他経費左記以外金額_2" localSheetId="0">#REF!</definedName>
    <definedName name="その他経費左記以外金額_2">#REF!</definedName>
    <definedName name="その他経費左記以外金額_20" localSheetId="0">#REF!</definedName>
    <definedName name="その他経費左記以外金額_20">#REF!</definedName>
    <definedName name="その他経費左記以外金額_21" localSheetId="0">#REF!</definedName>
    <definedName name="その他経費左記以外金額_21">#REF!</definedName>
    <definedName name="その他経費左記以外金額_3" localSheetId="0">#REF!</definedName>
    <definedName name="その他経費左記以外金額_3">#REF!</definedName>
    <definedName name="その他経費左記以外金額_4" localSheetId="0">#REF!</definedName>
    <definedName name="その他経費左記以外金額_4">#REF!</definedName>
    <definedName name="その他経費左記以外金額_5" localSheetId="0">#REF!</definedName>
    <definedName name="その他経費左記以外金額_5">#REF!</definedName>
    <definedName name="その他経費左記以外金額_6" localSheetId="0">#REF!</definedName>
    <definedName name="その他経費左記以外金額_6">#REF!</definedName>
    <definedName name="その他経費左記以外金額_7" localSheetId="0">#REF!</definedName>
    <definedName name="その他経費左記以外金額_7">#REF!</definedName>
    <definedName name="その他経費左記以外金額_8" localSheetId="0">#REF!</definedName>
    <definedName name="その他経費左記以外金額_8">#REF!</definedName>
    <definedName name="その他経費左記以外金額_9" localSheetId="0">#REF!</definedName>
    <definedName name="その他経費左記以外金額_9">#REF!</definedName>
    <definedName name="その他経費左記以外税額_1" localSheetId="0">#REF!</definedName>
    <definedName name="その他経費左記以外税額_1">#REF!</definedName>
    <definedName name="その他経費左記以外税額_10" localSheetId="0">#REF!</definedName>
    <definedName name="その他経費左記以外税額_10">#REF!</definedName>
    <definedName name="その他経費左記以外税額_11" localSheetId="0">#REF!</definedName>
    <definedName name="その他経費左記以外税額_11">#REF!</definedName>
    <definedName name="その他経費左記以外税額_12" localSheetId="0">#REF!</definedName>
    <definedName name="その他経費左記以外税額_12">#REF!</definedName>
    <definedName name="その他経費左記以外税額_13" localSheetId="0">#REF!</definedName>
    <definedName name="その他経費左記以外税額_13">#REF!</definedName>
    <definedName name="その他経費左記以外税額_14" localSheetId="0">#REF!</definedName>
    <definedName name="その他経費左記以外税額_14">#REF!</definedName>
    <definedName name="その他経費左記以外税額_15" localSheetId="0">#REF!</definedName>
    <definedName name="その他経費左記以外税額_15">#REF!</definedName>
    <definedName name="その他経費左記以外税額_16" localSheetId="0">#REF!</definedName>
    <definedName name="その他経費左記以外税額_16">#REF!</definedName>
    <definedName name="その他経費左記以外税額_17" localSheetId="0">#REF!</definedName>
    <definedName name="その他経費左記以外税額_17">#REF!</definedName>
    <definedName name="その他経費左記以外税額_18" localSheetId="0">#REF!</definedName>
    <definedName name="その他経費左記以外税額_18">#REF!</definedName>
    <definedName name="その他経費左記以外税額_19" localSheetId="0">#REF!</definedName>
    <definedName name="その他経費左記以外税額_19">#REF!</definedName>
    <definedName name="その他経費左記以外税額_2" localSheetId="0">#REF!</definedName>
    <definedName name="その他経費左記以外税額_2">#REF!</definedName>
    <definedName name="その他経費左記以外税額_20" localSheetId="0">#REF!</definedName>
    <definedName name="その他経費左記以外税額_20">#REF!</definedName>
    <definedName name="その他経費左記以外税額_21" localSheetId="0">#REF!</definedName>
    <definedName name="その他経費左記以外税額_21">#REF!</definedName>
    <definedName name="その他経費左記以外税額_3" localSheetId="0">#REF!</definedName>
    <definedName name="その他経費左記以外税額_3">#REF!</definedName>
    <definedName name="その他経費左記以外税額_4" localSheetId="0">#REF!</definedName>
    <definedName name="その他経費左記以外税額_4">#REF!</definedName>
    <definedName name="その他経費左記以外税額_5" localSheetId="0">#REF!</definedName>
    <definedName name="その他経費左記以外税額_5">#REF!</definedName>
    <definedName name="その他経費左記以外税額_6" localSheetId="0">#REF!</definedName>
    <definedName name="その他経費左記以外税額_6">#REF!</definedName>
    <definedName name="その他経費左記以外税額_7" localSheetId="0">#REF!</definedName>
    <definedName name="その他経費左記以外税額_7">#REF!</definedName>
    <definedName name="その他経費左記以外税額_8" localSheetId="0">#REF!</definedName>
    <definedName name="その他経費左記以外税額_8">#REF!</definedName>
    <definedName name="その他経費左記以外税額_9" localSheetId="0">#REF!</definedName>
    <definedName name="その他経費左記以外税額_9">#REF!</definedName>
    <definedName name="その他経費名称_1" localSheetId="0">#REF!</definedName>
    <definedName name="その他経費名称_1">#REF!</definedName>
    <definedName name="その他経費名称_10" localSheetId="0">#REF!</definedName>
    <definedName name="その他経費名称_10">#REF!</definedName>
    <definedName name="その他経費名称_11" localSheetId="0">#REF!</definedName>
    <definedName name="その他経費名称_11">#REF!</definedName>
    <definedName name="その他経費名称_12" localSheetId="0">#REF!</definedName>
    <definedName name="その他経費名称_12">#REF!</definedName>
    <definedName name="その他経費名称_13" localSheetId="0">#REF!</definedName>
    <definedName name="その他経費名称_13">#REF!</definedName>
    <definedName name="その他経費名称_14" localSheetId="0">#REF!</definedName>
    <definedName name="その他経費名称_14">#REF!</definedName>
    <definedName name="その他経費名称_15" localSheetId="0">#REF!</definedName>
    <definedName name="その他経費名称_15">#REF!</definedName>
    <definedName name="その他経費名称_16" localSheetId="0">#REF!</definedName>
    <definedName name="その他経費名称_16">#REF!</definedName>
    <definedName name="その他経費名称_17" localSheetId="0">#REF!</definedName>
    <definedName name="その他経費名称_17">#REF!</definedName>
    <definedName name="その他経費名称_18" localSheetId="0">#REF!</definedName>
    <definedName name="その他経費名称_18">#REF!</definedName>
    <definedName name="その他経費名称_19" localSheetId="0">#REF!</definedName>
    <definedName name="その他経費名称_19">#REF!</definedName>
    <definedName name="その他経費名称_2" localSheetId="0">#REF!</definedName>
    <definedName name="その他経費名称_2">#REF!</definedName>
    <definedName name="その他経費名称_20" localSheetId="0">#REF!</definedName>
    <definedName name="その他経費名称_20">#REF!</definedName>
    <definedName name="その他経費名称_21" localSheetId="0">#REF!</definedName>
    <definedName name="その他経費名称_21">#REF!</definedName>
    <definedName name="その他経費名称_3" localSheetId="0">#REF!</definedName>
    <definedName name="その他経費名称_3">#REF!</definedName>
    <definedName name="その他経費名称_4" localSheetId="0">#REF!</definedName>
    <definedName name="その他経費名称_4">#REF!</definedName>
    <definedName name="その他経費名称_5" localSheetId="0">#REF!</definedName>
    <definedName name="その他経費名称_5">#REF!</definedName>
    <definedName name="その他経費名称_6" localSheetId="0">#REF!</definedName>
    <definedName name="その他経費名称_6">#REF!</definedName>
    <definedName name="その他経費名称_7" localSheetId="0">#REF!</definedName>
    <definedName name="その他経費名称_7">#REF!</definedName>
    <definedName name="その他経費名称_8" localSheetId="0">#REF!</definedName>
    <definedName name="その他経費名称_8">#REF!</definedName>
    <definedName name="その他経費名称_9" localSheetId="0">#REF!</definedName>
    <definedName name="その他経費名称_9">#REF!</definedName>
    <definedName name="ヘッダ出力金額" localSheetId="0">#REF!</definedName>
    <definedName name="ヘッダ出力金額">#REF!</definedName>
    <definedName name="ヘッダ単位" localSheetId="0">#REF!</definedName>
    <definedName name="ヘッダ単位">#REF!</definedName>
    <definedName name="ヘッダ年度" localSheetId="0">#REF!</definedName>
    <definedName name="ヘッダ年度">#REF!</definedName>
    <definedName name="リセット">[4]入力表!$D$29:$V$129,[4]入力表!$Y$29:$AL$129</definedName>
    <definedName name="リセット２">[4]入力表!$D$29:$V$129,[4]入力表!$Y$29:$AL$129</definedName>
    <definedName name="一覧">[4]入力表!$B$28:$AL$129</definedName>
    <definedName name="一覧２">[4]入力表!$B$28:$AL$129</definedName>
    <definedName name="加算_教員">5000</definedName>
    <definedName name="加算_職員">5900</definedName>
    <definedName name="課題分類1">[5]記入方法リスト!$B$72:$B$81</definedName>
    <definedName name="改革プラン分類">'[5]入力規則シート（触らないで）'!$A$44:$A$47</definedName>
    <definedName name="学区" localSheetId="0">#REF!</definedName>
    <definedName name="学区">#REF!</definedName>
    <definedName name="学校名テーブル" localSheetId="0">#REF!</definedName>
    <definedName name="学校名テーブル">#REF!</definedName>
    <definedName name="学校名漢字" localSheetId="0">#REF!</definedName>
    <definedName name="学校名漢字">#REF!</definedName>
    <definedName name="勘定名称_1" localSheetId="0">#REF!</definedName>
    <definedName name="勘定名称_1">#REF!</definedName>
    <definedName name="勘定名称_10" localSheetId="0">#REF!</definedName>
    <definedName name="勘定名称_10">#REF!</definedName>
    <definedName name="勘定名称_11" localSheetId="0">#REF!</definedName>
    <definedName name="勘定名称_11">#REF!</definedName>
    <definedName name="勘定名称_12" localSheetId="0">#REF!</definedName>
    <definedName name="勘定名称_12">#REF!</definedName>
    <definedName name="勘定名称_13" localSheetId="0">#REF!</definedName>
    <definedName name="勘定名称_13">#REF!</definedName>
    <definedName name="勘定名称_14" localSheetId="0">#REF!</definedName>
    <definedName name="勘定名称_14">#REF!</definedName>
    <definedName name="勘定名称_15" localSheetId="0">#REF!</definedName>
    <definedName name="勘定名称_15">#REF!</definedName>
    <definedName name="勘定名称_16" localSheetId="0">#REF!</definedName>
    <definedName name="勘定名称_16">#REF!</definedName>
    <definedName name="勘定名称_17" localSheetId="0">#REF!</definedName>
    <definedName name="勘定名称_17">#REF!</definedName>
    <definedName name="勘定名称_18" localSheetId="0">#REF!</definedName>
    <definedName name="勘定名称_18">#REF!</definedName>
    <definedName name="勘定名称_19" localSheetId="0">#REF!</definedName>
    <definedName name="勘定名称_19">#REF!</definedName>
    <definedName name="勘定名称_2" localSheetId="0">#REF!</definedName>
    <definedName name="勘定名称_2">#REF!</definedName>
    <definedName name="勘定名称_20" localSheetId="0">#REF!</definedName>
    <definedName name="勘定名称_20">#REF!</definedName>
    <definedName name="勘定名称_3" localSheetId="0">#REF!</definedName>
    <definedName name="勘定名称_3">#REF!</definedName>
    <definedName name="勘定名称_4" localSheetId="0">#REF!</definedName>
    <definedName name="勘定名称_4">#REF!</definedName>
    <definedName name="勘定名称_5" localSheetId="0">#REF!</definedName>
    <definedName name="勘定名称_5">#REF!</definedName>
    <definedName name="勘定名称_6" localSheetId="0">#REF!</definedName>
    <definedName name="勘定名称_6">#REF!</definedName>
    <definedName name="勘定名称_7" localSheetId="0">#REF!</definedName>
    <definedName name="勘定名称_7">#REF!</definedName>
    <definedName name="勘定名称_8" localSheetId="0">#REF!</definedName>
    <definedName name="勘定名称_8">#REF!</definedName>
    <definedName name="勘定名称_9" localSheetId="0">#REF!</definedName>
    <definedName name="勘定名称_9">#REF!</definedName>
    <definedName name="関連有無">'[5]入力規則シート（触らないで）'!$A$60:$A$61</definedName>
    <definedName name="局名">'[5]入力規則シート（触らないで）'!$A$1:$A$29</definedName>
    <definedName name="経費区分">'[5]入力規則シート（触らないで）'!$A$38:$A$40</definedName>
    <definedName name="経費分類">'[5]入力規則シート（触らないで）'!$A$42:$A$42</definedName>
    <definedName name="決見" localSheetId="0">#REF!</definedName>
    <definedName name="決見">#REF!</definedName>
    <definedName name="見出し営業費用目名称０１" localSheetId="0">#REF!</definedName>
    <definedName name="見出し営業費用目名称０１">#REF!</definedName>
    <definedName name="見出し営業費用目名称０２" localSheetId="0">#REF!</definedName>
    <definedName name="見出し営業費用目名称０２">#REF!</definedName>
    <definedName name="見出し営業費用目名称０３" localSheetId="0">#REF!</definedName>
    <definedName name="見出し営業費用目名称０３">#REF!</definedName>
    <definedName name="見出し営業費用目名称０４" localSheetId="0">#REF!</definedName>
    <definedName name="見出し営業費用目名称０４">#REF!</definedName>
    <definedName name="見出し営業費用目名称０５" localSheetId="0">#REF!</definedName>
    <definedName name="見出し営業費用目名称０５">#REF!</definedName>
    <definedName name="見出し営業費用目名称０６" localSheetId="0">#REF!</definedName>
    <definedName name="見出し営業費用目名称０６">#REF!</definedName>
    <definedName name="見出し営業費用目名称０７" localSheetId="0">#REF!</definedName>
    <definedName name="見出し営業費用目名称０７">#REF!</definedName>
    <definedName name="見出し営業費用目名称０８" localSheetId="0">#REF!</definedName>
    <definedName name="見出し営業費用目名称０８">#REF!</definedName>
    <definedName name="見出し営業費用目名称０９" localSheetId="0">#REF!</definedName>
    <definedName name="見出し営業費用目名称０９">#REF!</definedName>
    <definedName name="見出し営業費用目名称１０" localSheetId="0">#REF!</definedName>
    <definedName name="見出し営業費用目名称１０">#REF!</definedName>
    <definedName name="見出し出力金額" localSheetId="0">#REF!</definedName>
    <definedName name="見出し出力金額">#REF!</definedName>
    <definedName name="現頁" localSheetId="0">#REF!</definedName>
    <definedName name="現頁">#REF!</definedName>
    <definedName name="広報広報" localSheetId="0">#REF!</definedName>
    <definedName name="広報広報">#REF!</definedName>
    <definedName name="行政区テーブル" localSheetId="0">#REF!</definedName>
    <definedName name="行政区テーブル">#REF!</definedName>
    <definedName name="作成時間" localSheetId="0">#REF!</definedName>
    <definedName name="作成時間">#REF!</definedName>
    <definedName name="作成日付" localSheetId="0">#REF!</definedName>
    <definedName name="作成日付">#REF!</definedName>
    <definedName name="資本丸め" localSheetId="0">#REF!</definedName>
    <definedName name="資本丸め">#REF!</definedName>
    <definedName name="資本縦表" localSheetId="0">#REF!</definedName>
    <definedName name="資本縦表">#REF!</definedName>
    <definedName name="資本費営業外費用金額_1" localSheetId="0">#REF!</definedName>
    <definedName name="資本費営業外費用金額_1">#REF!</definedName>
    <definedName name="資本費営業外費用金額_10" localSheetId="0">#REF!</definedName>
    <definedName name="資本費営業外費用金額_10">#REF!</definedName>
    <definedName name="資本費営業外費用金額_11" localSheetId="0">#REF!</definedName>
    <definedName name="資本費営業外費用金額_11">#REF!</definedName>
    <definedName name="資本費営業外費用金額_12" localSheetId="0">#REF!</definedName>
    <definedName name="資本費営業外費用金額_12">#REF!</definedName>
    <definedName name="資本費営業外費用金額_13" localSheetId="0">#REF!</definedName>
    <definedName name="資本費営業外費用金額_13">#REF!</definedName>
    <definedName name="資本費営業外費用金額_14" localSheetId="0">#REF!</definedName>
    <definedName name="資本費営業外費用金額_14">#REF!</definedName>
    <definedName name="資本費営業外費用金額_15" localSheetId="0">#REF!</definedName>
    <definedName name="資本費営業外費用金額_15">#REF!</definedName>
    <definedName name="資本費営業外費用金額_16" localSheetId="0">#REF!</definedName>
    <definedName name="資本費営業外費用金額_16">#REF!</definedName>
    <definedName name="資本費営業外費用金額_17" localSheetId="0">#REF!</definedName>
    <definedName name="資本費営業外費用金額_17">#REF!</definedName>
    <definedName name="資本費営業外費用金額_2" localSheetId="0">#REF!</definedName>
    <definedName name="資本費営業外費用金額_2">#REF!</definedName>
    <definedName name="資本費営業外費用金額_3" localSheetId="0">#REF!</definedName>
    <definedName name="資本費営業外費用金額_3">#REF!</definedName>
    <definedName name="資本費営業外費用金額_4" localSheetId="0">#REF!</definedName>
    <definedName name="資本費営業外費用金額_4">#REF!</definedName>
    <definedName name="資本費営業外費用金額_5" localSheetId="0">#REF!</definedName>
    <definedName name="資本費営業外費用金額_5">#REF!</definedName>
    <definedName name="資本費営業外費用金額_6" localSheetId="0">#REF!</definedName>
    <definedName name="資本費営業外費用金額_6">#REF!</definedName>
    <definedName name="資本費営業外費用金額_7" localSheetId="0">#REF!</definedName>
    <definedName name="資本費営業外費用金額_7">#REF!</definedName>
    <definedName name="資本費営業外費用金額_8" localSheetId="0">#REF!</definedName>
    <definedName name="資本費営業外費用金額_8">#REF!</definedName>
    <definedName name="資本費営業外費用金額_9" localSheetId="0">#REF!</definedName>
    <definedName name="資本費営業外費用金額_9">#REF!</definedName>
    <definedName name="資本費営業外費用税額_1" localSheetId="0">#REF!</definedName>
    <definedName name="資本費営業外費用税額_1">#REF!</definedName>
    <definedName name="資本費営業外費用税額_10" localSheetId="0">#REF!</definedName>
    <definedName name="資本費営業外費用税額_10">#REF!</definedName>
    <definedName name="資本費営業外費用税額_11" localSheetId="0">#REF!</definedName>
    <definedName name="資本費営業外費用税額_11">#REF!</definedName>
    <definedName name="資本費営業外費用税額_12" localSheetId="0">#REF!</definedName>
    <definedName name="資本費営業外費用税額_12">#REF!</definedName>
    <definedName name="資本費営業外費用税額_13" localSheetId="0">#REF!</definedName>
    <definedName name="資本費営業外費用税額_13">#REF!</definedName>
    <definedName name="資本費営業外費用税額_14" localSheetId="0">#REF!</definedName>
    <definedName name="資本費営業外費用税額_14">#REF!</definedName>
    <definedName name="資本費営業外費用税額_15" localSheetId="0">#REF!</definedName>
    <definedName name="資本費営業外費用税額_15">#REF!</definedName>
    <definedName name="資本費営業外費用税額_16" localSheetId="0">#REF!</definedName>
    <definedName name="資本費営業外費用税額_16">#REF!</definedName>
    <definedName name="資本費営業外費用税額_17" localSheetId="0">#REF!</definedName>
    <definedName name="資本費営業外費用税額_17">#REF!</definedName>
    <definedName name="資本費営業外費用税額_2" localSheetId="0">#REF!</definedName>
    <definedName name="資本費営業外費用税額_2">#REF!</definedName>
    <definedName name="資本費営業外費用税額_3" localSheetId="0">#REF!</definedName>
    <definedName name="資本費営業外費用税額_3">#REF!</definedName>
    <definedName name="資本費営業外費用税額_4" localSheetId="0">#REF!</definedName>
    <definedName name="資本費営業外費用税額_4">#REF!</definedName>
    <definedName name="資本費営業外費用税額_5" localSheetId="0">#REF!</definedName>
    <definedName name="資本費営業外費用税額_5">#REF!</definedName>
    <definedName name="資本費営業外費用税額_6" localSheetId="0">#REF!</definedName>
    <definedName name="資本費営業外費用税額_6">#REF!</definedName>
    <definedName name="資本費営業外費用税額_7" localSheetId="0">#REF!</definedName>
    <definedName name="資本費営業外費用税額_7">#REF!</definedName>
    <definedName name="資本費営業外費用税額_8" localSheetId="0">#REF!</definedName>
    <definedName name="資本費営業外費用税額_8">#REF!</definedName>
    <definedName name="資本費営業外費用税額_9" localSheetId="0">#REF!</definedName>
    <definedName name="資本費営業外費用税額_9">#REF!</definedName>
    <definedName name="資本費左記以外金額_1" localSheetId="0">#REF!</definedName>
    <definedName name="資本費左記以外金額_1">#REF!</definedName>
    <definedName name="資本費左記以外金額_10" localSheetId="0">#REF!</definedName>
    <definedName name="資本費左記以外金額_10">#REF!</definedName>
    <definedName name="資本費左記以外金額_11" localSheetId="0">#REF!</definedName>
    <definedName name="資本費左記以外金額_11">#REF!</definedName>
    <definedName name="資本費左記以外金額_12" localSheetId="0">#REF!</definedName>
    <definedName name="資本費左記以外金額_12">#REF!</definedName>
    <definedName name="資本費左記以外金額_13" localSheetId="0">#REF!</definedName>
    <definedName name="資本費左記以外金額_13">#REF!</definedName>
    <definedName name="資本費左記以外金額_14" localSheetId="0">#REF!</definedName>
    <definedName name="資本費左記以外金額_14">#REF!</definedName>
    <definedName name="資本費左記以外金額_15" localSheetId="0">#REF!</definedName>
    <definedName name="資本費左記以外金額_15">#REF!</definedName>
    <definedName name="資本費左記以外金額_16" localSheetId="0">#REF!</definedName>
    <definedName name="資本費左記以外金額_16">#REF!</definedName>
    <definedName name="資本費左記以外金額_17" localSheetId="0">#REF!</definedName>
    <definedName name="資本費左記以外金額_17">#REF!</definedName>
    <definedName name="資本費左記以外金額_2" localSheetId="0">#REF!</definedName>
    <definedName name="資本費左記以外金額_2">#REF!</definedName>
    <definedName name="資本費左記以外金額_3" localSheetId="0">#REF!</definedName>
    <definedName name="資本費左記以外金額_3">#REF!</definedName>
    <definedName name="資本費左記以外金額_4" localSheetId="0">#REF!</definedName>
    <definedName name="資本費左記以外金額_4">#REF!</definedName>
    <definedName name="資本費左記以外金額_5" localSheetId="0">#REF!</definedName>
    <definedName name="資本費左記以外金額_5">#REF!</definedName>
    <definedName name="資本費左記以外金額_6" localSheetId="0">#REF!</definedName>
    <definedName name="資本費左記以外金額_6">#REF!</definedName>
    <definedName name="資本費左記以外金額_7" localSheetId="0">#REF!</definedName>
    <definedName name="資本費左記以外金額_7">#REF!</definedName>
    <definedName name="資本費左記以外金額_8" localSheetId="0">#REF!</definedName>
    <definedName name="資本費左記以外金額_8">#REF!</definedName>
    <definedName name="資本費左記以外金額_9" localSheetId="0">#REF!</definedName>
    <definedName name="資本費左記以外金額_9">#REF!</definedName>
    <definedName name="資本費左記以外税額_1" localSheetId="0">#REF!</definedName>
    <definedName name="資本費左記以外税額_1">#REF!</definedName>
    <definedName name="資本費左記以外税額_10" localSheetId="0">#REF!</definedName>
    <definedName name="資本費左記以外税額_10">#REF!</definedName>
    <definedName name="資本費左記以外税額_11" localSheetId="0">#REF!</definedName>
    <definedName name="資本費左記以外税額_11">#REF!</definedName>
    <definedName name="資本費左記以外税額_12" localSheetId="0">#REF!</definedName>
    <definedName name="資本費左記以外税額_12">#REF!</definedName>
    <definedName name="資本費左記以外税額_13" localSheetId="0">#REF!</definedName>
    <definedName name="資本費左記以外税額_13">#REF!</definedName>
    <definedName name="資本費左記以外税額_14" localSheetId="0">#REF!</definedName>
    <definedName name="資本費左記以外税額_14">#REF!</definedName>
    <definedName name="資本費左記以外税額_15" localSheetId="0">#REF!</definedName>
    <definedName name="資本費左記以外税額_15">#REF!</definedName>
    <definedName name="資本費左記以外税額_16" localSheetId="0">#REF!</definedName>
    <definedName name="資本費左記以外税額_16">#REF!</definedName>
    <definedName name="資本費左記以外税額_17" localSheetId="0">#REF!</definedName>
    <definedName name="資本費左記以外税額_17">#REF!</definedName>
    <definedName name="資本費左記以外税額_2" localSheetId="0">#REF!</definedName>
    <definedName name="資本費左記以外税額_2">#REF!</definedName>
    <definedName name="資本費左記以外税額_3" localSheetId="0">#REF!</definedName>
    <definedName name="資本費左記以外税額_3">#REF!</definedName>
    <definedName name="資本費左記以外税額_4" localSheetId="0">#REF!</definedName>
    <definedName name="資本費左記以外税額_4">#REF!</definedName>
    <definedName name="資本費左記以外税額_5" localSheetId="0">#REF!</definedName>
    <definedName name="資本費左記以外税額_5">#REF!</definedName>
    <definedName name="資本費左記以外税額_6" localSheetId="0">#REF!</definedName>
    <definedName name="資本費左記以外税額_6">#REF!</definedName>
    <definedName name="資本費左記以外税額_7" localSheetId="0">#REF!</definedName>
    <definedName name="資本費左記以外税額_7">#REF!</definedName>
    <definedName name="資本費左記以外税額_8" localSheetId="0">#REF!</definedName>
    <definedName name="資本費左記以外税額_8">#REF!</definedName>
    <definedName name="資本費左記以外税額_9" localSheetId="0">#REF!</definedName>
    <definedName name="資本費左記以外税額_9">#REF!</definedName>
    <definedName name="資本費名称_1" localSheetId="0">#REF!</definedName>
    <definedName name="資本費名称_1">#REF!</definedName>
    <definedName name="資本費名称_10" localSheetId="0">#REF!</definedName>
    <definedName name="資本費名称_10">#REF!</definedName>
    <definedName name="資本費名称_11" localSheetId="0">#REF!</definedName>
    <definedName name="資本費名称_11">#REF!</definedName>
    <definedName name="資本費名称_12" localSheetId="0">#REF!</definedName>
    <definedName name="資本費名称_12">#REF!</definedName>
    <definedName name="資本費名称_13" localSheetId="0">#REF!</definedName>
    <definedName name="資本費名称_13">#REF!</definedName>
    <definedName name="資本費名称_14" localSheetId="0">#REF!</definedName>
    <definedName name="資本費名称_14">#REF!</definedName>
    <definedName name="資本費名称_15" localSheetId="0">#REF!</definedName>
    <definedName name="資本費名称_15">#REF!</definedName>
    <definedName name="資本費名称_16" localSheetId="0">#REF!</definedName>
    <definedName name="資本費名称_16">#REF!</definedName>
    <definedName name="資本費名称_17" localSheetId="0">#REF!</definedName>
    <definedName name="資本費名称_17">#REF!</definedName>
    <definedName name="資本費名称_2" localSheetId="0">#REF!</definedName>
    <definedName name="資本費名称_2">#REF!</definedName>
    <definedName name="資本費名称_3" localSheetId="0">#REF!</definedName>
    <definedName name="資本費名称_3">#REF!</definedName>
    <definedName name="資本費名称_4" localSheetId="0">#REF!</definedName>
    <definedName name="資本費名称_4">#REF!</definedName>
    <definedName name="資本費名称_5" localSheetId="0">#REF!</definedName>
    <definedName name="資本費名称_5">#REF!</definedName>
    <definedName name="資本費名称_6" localSheetId="0">#REF!</definedName>
    <definedName name="資本費名称_6">#REF!</definedName>
    <definedName name="資本費名称_7" localSheetId="0">#REF!</definedName>
    <definedName name="資本費名称_7">#REF!</definedName>
    <definedName name="資本費名称_8" localSheetId="0">#REF!</definedName>
    <definedName name="資本費名称_8">#REF!</definedName>
    <definedName name="資本費名称_9" localSheetId="0">#REF!</definedName>
    <definedName name="資本費名称_9">#REF!</definedName>
    <definedName name="事業種別">'[5]入力規則シート（触らないで）'!$A$31:$A$33</definedName>
    <definedName name="事業番号">[6]入力リスト!$D$2:$D$940</definedName>
    <definedName name="事業費種別">'[5]入力規則シート（触らないで）'!$A$74:$A$81</definedName>
    <definedName name="事業名称" localSheetId="0">#REF!</definedName>
    <definedName name="事業名称">#REF!</definedName>
    <definedName name="識別コード8月14日" localSheetId="0">#REF!</definedName>
    <definedName name="識別コード8月14日">#REF!</definedName>
    <definedName name="借方残高_1" localSheetId="0">#REF!</definedName>
    <definedName name="借方残高_1">#REF!</definedName>
    <definedName name="借方残高_10" localSheetId="0">#REF!</definedName>
    <definedName name="借方残高_10">#REF!</definedName>
    <definedName name="借方残高_11" localSheetId="0">#REF!</definedName>
    <definedName name="借方残高_11">#REF!</definedName>
    <definedName name="借方残高_12" localSheetId="0">#REF!</definedName>
    <definedName name="借方残高_12">#REF!</definedName>
    <definedName name="借方残高_13" localSheetId="0">#REF!</definedName>
    <definedName name="借方残高_13">#REF!</definedName>
    <definedName name="借方残高_14" localSheetId="0">#REF!</definedName>
    <definedName name="借方残高_14">#REF!</definedName>
    <definedName name="借方残高_15" localSheetId="0">#REF!</definedName>
    <definedName name="借方残高_15">#REF!</definedName>
    <definedName name="借方残高_16" localSheetId="0">#REF!</definedName>
    <definedName name="借方残高_16">#REF!</definedName>
    <definedName name="借方残高_17" localSheetId="0">#REF!</definedName>
    <definedName name="借方残高_17">#REF!</definedName>
    <definedName name="借方残高_18" localSheetId="0">#REF!</definedName>
    <definedName name="借方残高_18">#REF!</definedName>
    <definedName name="借方残高_19" localSheetId="0">#REF!</definedName>
    <definedName name="借方残高_19">#REF!</definedName>
    <definedName name="借方残高_2" localSheetId="0">#REF!</definedName>
    <definedName name="借方残高_2">#REF!</definedName>
    <definedName name="借方残高_20" localSheetId="0">#REF!</definedName>
    <definedName name="借方残高_20">#REF!</definedName>
    <definedName name="借方残高_3" localSheetId="0">#REF!</definedName>
    <definedName name="借方残高_3">#REF!</definedName>
    <definedName name="借方残高_4" localSheetId="0">#REF!</definedName>
    <definedName name="借方残高_4">#REF!</definedName>
    <definedName name="借方残高_5" localSheetId="0">#REF!</definedName>
    <definedName name="借方残高_5">#REF!</definedName>
    <definedName name="借方残高_6" localSheetId="0">#REF!</definedName>
    <definedName name="借方残高_6">#REF!</definedName>
    <definedName name="借方残高_7" localSheetId="0">#REF!</definedName>
    <definedName name="借方残高_7">#REF!</definedName>
    <definedName name="借方残高_8" localSheetId="0">#REF!</definedName>
    <definedName name="借方残高_8">#REF!</definedName>
    <definedName name="借方残高_9" localSheetId="0">#REF!</definedName>
    <definedName name="借方残高_9">#REF!</definedName>
    <definedName name="借方当月_1" localSheetId="0">#REF!</definedName>
    <definedName name="借方当月_1">#REF!</definedName>
    <definedName name="借方当月_10" localSheetId="0">#REF!</definedName>
    <definedName name="借方当月_10">#REF!</definedName>
    <definedName name="借方当月_11" localSheetId="0">#REF!</definedName>
    <definedName name="借方当月_11">#REF!</definedName>
    <definedName name="借方当月_12" localSheetId="0">#REF!</definedName>
    <definedName name="借方当月_12">#REF!</definedName>
    <definedName name="借方当月_13" localSheetId="0">#REF!</definedName>
    <definedName name="借方当月_13">#REF!</definedName>
    <definedName name="借方当月_14" localSheetId="0">#REF!</definedName>
    <definedName name="借方当月_14">#REF!</definedName>
    <definedName name="借方当月_15" localSheetId="0">#REF!</definedName>
    <definedName name="借方当月_15">#REF!</definedName>
    <definedName name="借方当月_16" localSheetId="0">#REF!</definedName>
    <definedName name="借方当月_16">#REF!</definedName>
    <definedName name="借方当月_17" localSheetId="0">#REF!</definedName>
    <definedName name="借方当月_17">#REF!</definedName>
    <definedName name="借方当月_18" localSheetId="0">#REF!</definedName>
    <definedName name="借方当月_18">#REF!</definedName>
    <definedName name="借方当月_19" localSheetId="0">#REF!</definedName>
    <definedName name="借方当月_19">#REF!</definedName>
    <definedName name="借方当月_2" localSheetId="0">#REF!</definedName>
    <definedName name="借方当月_2">#REF!</definedName>
    <definedName name="借方当月_20" localSheetId="0">#REF!</definedName>
    <definedName name="借方当月_20">#REF!</definedName>
    <definedName name="借方当月_3" localSheetId="0">#REF!</definedName>
    <definedName name="借方当月_3">#REF!</definedName>
    <definedName name="借方当月_4" localSheetId="0">#REF!</definedName>
    <definedName name="借方当月_4">#REF!</definedName>
    <definedName name="借方当月_5" localSheetId="0">#REF!</definedName>
    <definedName name="借方当月_5">#REF!</definedName>
    <definedName name="借方当月_6" localSheetId="0">#REF!</definedName>
    <definedName name="借方当月_6">#REF!</definedName>
    <definedName name="借方当月_7" localSheetId="0">#REF!</definedName>
    <definedName name="借方当月_7">#REF!</definedName>
    <definedName name="借方当月_8" localSheetId="0">#REF!</definedName>
    <definedName name="借方当月_8">#REF!</definedName>
    <definedName name="借方当月_9" localSheetId="0">#REF!</definedName>
    <definedName name="借方当月_9">#REF!</definedName>
    <definedName name="借方累計_1" localSheetId="0">#REF!</definedName>
    <definedName name="借方累計_1">#REF!</definedName>
    <definedName name="借方累計_10" localSheetId="0">#REF!</definedName>
    <definedName name="借方累計_10">#REF!</definedName>
    <definedName name="借方累計_11" localSheetId="0">#REF!</definedName>
    <definedName name="借方累計_11">#REF!</definedName>
    <definedName name="借方累計_12" localSheetId="0">#REF!</definedName>
    <definedName name="借方累計_12">#REF!</definedName>
    <definedName name="借方累計_13" localSheetId="0">#REF!</definedName>
    <definedName name="借方累計_13">#REF!</definedName>
    <definedName name="借方累計_14" localSheetId="0">#REF!</definedName>
    <definedName name="借方累計_14">#REF!</definedName>
    <definedName name="借方累計_15" localSheetId="0">#REF!</definedName>
    <definedName name="借方累計_15">#REF!</definedName>
    <definedName name="借方累計_16" localSheetId="0">#REF!</definedName>
    <definedName name="借方累計_16">#REF!</definedName>
    <definedName name="借方累計_17" localSheetId="0">#REF!</definedName>
    <definedName name="借方累計_17">#REF!</definedName>
    <definedName name="借方累計_18" localSheetId="0">#REF!</definedName>
    <definedName name="借方累計_18">#REF!</definedName>
    <definedName name="借方累計_19" localSheetId="0">#REF!</definedName>
    <definedName name="借方累計_19">#REF!</definedName>
    <definedName name="借方累計_2" localSheetId="0">#REF!</definedName>
    <definedName name="借方累計_2">#REF!</definedName>
    <definedName name="借方累計_20" localSheetId="0">#REF!</definedName>
    <definedName name="借方累計_20">#REF!</definedName>
    <definedName name="借方累計_3" localSheetId="0">#REF!</definedName>
    <definedName name="借方累計_3">#REF!</definedName>
    <definedName name="借方累計_4" localSheetId="0">#REF!</definedName>
    <definedName name="借方累計_4">#REF!</definedName>
    <definedName name="借方累計_5" localSheetId="0">#REF!</definedName>
    <definedName name="借方累計_5">#REF!</definedName>
    <definedName name="借方累計_6" localSheetId="0">#REF!</definedName>
    <definedName name="借方累計_6">#REF!</definedName>
    <definedName name="借方累計_7" localSheetId="0">#REF!</definedName>
    <definedName name="借方累計_7">#REF!</definedName>
    <definedName name="借方累計_8" localSheetId="0">#REF!</definedName>
    <definedName name="借方累計_8">#REF!</definedName>
    <definedName name="借方累計_9" localSheetId="0">#REF!</definedName>
    <definedName name="借方累計_9">#REF!</definedName>
    <definedName name="収益丸め" localSheetId="0">#REF!</definedName>
    <definedName name="収益丸め">#REF!</definedName>
    <definedName name="収益縦表" localSheetId="0">#REF!</definedName>
    <definedName name="収益縦表">#REF!</definedName>
    <definedName name="所属名">[6]入力リスト!$B$2:$B$52</definedName>
    <definedName name="所属名称" localSheetId="0">#REF!</definedName>
    <definedName name="所属名称">#REF!</definedName>
    <definedName name="職員番号">[7]Sheet1!$A$1:$A$5</definedName>
    <definedName name="新旧別">'[5]入力規則シート（触らないで）'!$A$35:$A$36</definedName>
    <definedName name="人件費計０１金額" localSheetId="0">#REF!</definedName>
    <definedName name="人件費計０１金額">#REF!</definedName>
    <definedName name="人件費計０１税額" localSheetId="0">#REF!</definedName>
    <definedName name="人件費計０１税額">#REF!</definedName>
    <definedName name="人件費計０２金額" localSheetId="0">#REF!</definedName>
    <definedName name="人件費計０２金額">#REF!</definedName>
    <definedName name="人件費計０２税額" localSheetId="0">#REF!</definedName>
    <definedName name="人件費計０２税額">#REF!</definedName>
    <definedName name="人件費計０３金額" localSheetId="0">#REF!</definedName>
    <definedName name="人件費計０３金額">#REF!</definedName>
    <definedName name="人件費計０３税額" localSheetId="0">#REF!</definedName>
    <definedName name="人件費計０３税額">#REF!</definedName>
    <definedName name="人件費計０４金額" localSheetId="0">#REF!</definedName>
    <definedName name="人件費計０４金額">#REF!</definedName>
    <definedName name="人件費計０４税額" localSheetId="0">#REF!</definedName>
    <definedName name="人件費計０４税額">#REF!</definedName>
    <definedName name="人件費計０５金額" localSheetId="0">#REF!</definedName>
    <definedName name="人件費計０５金額">#REF!</definedName>
    <definedName name="人件費計０５税額" localSheetId="0">#REF!</definedName>
    <definedName name="人件費計０５税額">#REF!</definedName>
    <definedName name="人件費計０６金額" localSheetId="0">#REF!</definedName>
    <definedName name="人件費計０６金額">#REF!</definedName>
    <definedName name="人件費計０６税額" localSheetId="0">#REF!</definedName>
    <definedName name="人件費計０６税額">#REF!</definedName>
    <definedName name="人件費計０７金額" localSheetId="0">#REF!</definedName>
    <definedName name="人件費計０７金額">#REF!</definedName>
    <definedName name="人件費計０７税額" localSheetId="0">#REF!</definedName>
    <definedName name="人件費計０７税額">#REF!</definedName>
    <definedName name="人件費計０８金額" localSheetId="0">#REF!</definedName>
    <definedName name="人件費計０８金額">#REF!</definedName>
    <definedName name="人件費計０８税額" localSheetId="0">#REF!</definedName>
    <definedName name="人件費計０８税額">#REF!</definedName>
    <definedName name="人件費計０９金額" localSheetId="0">#REF!</definedName>
    <definedName name="人件費計０９金額">#REF!</definedName>
    <definedName name="人件費計０９税額" localSheetId="0">#REF!</definedName>
    <definedName name="人件費計０９税額">#REF!</definedName>
    <definedName name="人件費計１０金額" localSheetId="0">#REF!</definedName>
    <definedName name="人件費計１０金額">#REF!</definedName>
    <definedName name="人件費計１０税額" localSheetId="0">#REF!</definedName>
    <definedName name="人件費計１０税額">#REF!</definedName>
    <definedName name="人件費計左記以外金額" localSheetId="0">#REF!</definedName>
    <definedName name="人件費計左記以外金額">#REF!</definedName>
    <definedName name="人件費計左記以外税額" localSheetId="0">#REF!</definedName>
    <definedName name="人件費計左記以外税額">#REF!</definedName>
    <definedName name="全体" localSheetId="0">#REF!</definedName>
    <definedName name="全体">#REF!</definedName>
    <definedName name="対象年月" localSheetId="0">#REF!</definedName>
    <definedName name="対象年月">#REF!</definedName>
    <definedName name="貸方残高_1" localSheetId="0">#REF!</definedName>
    <definedName name="貸方残高_1">#REF!</definedName>
    <definedName name="貸方残高_10" localSheetId="0">#REF!</definedName>
    <definedName name="貸方残高_10">#REF!</definedName>
    <definedName name="貸方残高_11" localSheetId="0">#REF!</definedName>
    <definedName name="貸方残高_11">#REF!</definedName>
    <definedName name="貸方残高_12" localSheetId="0">#REF!</definedName>
    <definedName name="貸方残高_12">#REF!</definedName>
    <definedName name="貸方残高_13" localSheetId="0">#REF!</definedName>
    <definedName name="貸方残高_13">#REF!</definedName>
    <definedName name="貸方残高_14" localSheetId="0">#REF!</definedName>
    <definedName name="貸方残高_14">#REF!</definedName>
    <definedName name="貸方残高_15" localSheetId="0">#REF!</definedName>
    <definedName name="貸方残高_15">#REF!</definedName>
    <definedName name="貸方残高_16" localSheetId="0">#REF!</definedName>
    <definedName name="貸方残高_16">#REF!</definedName>
    <definedName name="貸方残高_17" localSheetId="0">#REF!</definedName>
    <definedName name="貸方残高_17">#REF!</definedName>
    <definedName name="貸方残高_18" localSheetId="0">#REF!</definedName>
    <definedName name="貸方残高_18">#REF!</definedName>
    <definedName name="貸方残高_19" localSheetId="0">#REF!</definedName>
    <definedName name="貸方残高_19">#REF!</definedName>
    <definedName name="貸方残高_2" localSheetId="0">#REF!</definedName>
    <definedName name="貸方残高_2">#REF!</definedName>
    <definedName name="貸方残高_20" localSheetId="0">#REF!</definedName>
    <definedName name="貸方残高_20">#REF!</definedName>
    <definedName name="貸方残高_3" localSheetId="0">#REF!</definedName>
    <definedName name="貸方残高_3">#REF!</definedName>
    <definedName name="貸方残高_4" localSheetId="0">#REF!</definedName>
    <definedName name="貸方残高_4">#REF!</definedName>
    <definedName name="貸方残高_5" localSheetId="0">#REF!</definedName>
    <definedName name="貸方残高_5">#REF!</definedName>
    <definedName name="貸方残高_6" localSheetId="0">#REF!</definedName>
    <definedName name="貸方残高_6">#REF!</definedName>
    <definedName name="貸方残高_7" localSheetId="0">#REF!</definedName>
    <definedName name="貸方残高_7">#REF!</definedName>
    <definedName name="貸方残高_8" localSheetId="0">#REF!</definedName>
    <definedName name="貸方残高_8">#REF!</definedName>
    <definedName name="貸方残高_9" localSheetId="0">#REF!</definedName>
    <definedName name="貸方残高_9">#REF!</definedName>
    <definedName name="貸方当月_1" localSheetId="0">#REF!</definedName>
    <definedName name="貸方当月_1">#REF!</definedName>
    <definedName name="貸方当月_10" localSheetId="0">#REF!</definedName>
    <definedName name="貸方当月_10">#REF!</definedName>
    <definedName name="貸方当月_11" localSheetId="0">#REF!</definedName>
    <definedName name="貸方当月_11">#REF!</definedName>
    <definedName name="貸方当月_12" localSheetId="0">#REF!</definedName>
    <definedName name="貸方当月_12">#REF!</definedName>
    <definedName name="貸方当月_13" localSheetId="0">#REF!</definedName>
    <definedName name="貸方当月_13">#REF!</definedName>
    <definedName name="貸方当月_14" localSheetId="0">#REF!</definedName>
    <definedName name="貸方当月_14">#REF!</definedName>
    <definedName name="貸方当月_15" localSheetId="0">#REF!</definedName>
    <definedName name="貸方当月_15">#REF!</definedName>
    <definedName name="貸方当月_16" localSheetId="0">#REF!</definedName>
    <definedName name="貸方当月_16">#REF!</definedName>
    <definedName name="貸方当月_17" localSheetId="0">#REF!</definedName>
    <definedName name="貸方当月_17">#REF!</definedName>
    <definedName name="貸方当月_18" localSheetId="0">#REF!</definedName>
    <definedName name="貸方当月_18">#REF!</definedName>
    <definedName name="貸方当月_19" localSheetId="0">#REF!</definedName>
    <definedName name="貸方当月_19">#REF!</definedName>
    <definedName name="貸方当月_2" localSheetId="0">#REF!</definedName>
    <definedName name="貸方当月_2">#REF!</definedName>
    <definedName name="貸方当月_20" localSheetId="0">#REF!</definedName>
    <definedName name="貸方当月_20">#REF!</definedName>
    <definedName name="貸方当月_3" localSheetId="0">#REF!</definedName>
    <definedName name="貸方当月_3">#REF!</definedName>
    <definedName name="貸方当月_4" localSheetId="0">#REF!</definedName>
    <definedName name="貸方当月_4">#REF!</definedName>
    <definedName name="貸方当月_5" localSheetId="0">#REF!</definedName>
    <definedName name="貸方当月_5">#REF!</definedName>
    <definedName name="貸方当月_6" localSheetId="0">#REF!</definedName>
    <definedName name="貸方当月_6">#REF!</definedName>
    <definedName name="貸方当月_7" localSheetId="0">#REF!</definedName>
    <definedName name="貸方当月_7">#REF!</definedName>
    <definedName name="貸方当月_8" localSheetId="0">#REF!</definedName>
    <definedName name="貸方当月_8">#REF!</definedName>
    <definedName name="貸方当月_9" localSheetId="0">#REF!</definedName>
    <definedName name="貸方当月_9">#REF!</definedName>
    <definedName name="貸方累計_1" localSheetId="0">#REF!</definedName>
    <definedName name="貸方累計_1">#REF!</definedName>
    <definedName name="貸方累計_10" localSheetId="0">#REF!</definedName>
    <definedName name="貸方累計_10">#REF!</definedName>
    <definedName name="貸方累計_11" localSheetId="0">#REF!</definedName>
    <definedName name="貸方累計_11">#REF!</definedName>
    <definedName name="貸方累計_12" localSheetId="0">#REF!</definedName>
    <definedName name="貸方累計_12">#REF!</definedName>
    <definedName name="貸方累計_13" localSheetId="0">#REF!</definedName>
    <definedName name="貸方累計_13">#REF!</definedName>
    <definedName name="貸方累計_14" localSheetId="0">#REF!</definedName>
    <definedName name="貸方累計_14">#REF!</definedName>
    <definedName name="貸方累計_15" localSheetId="0">#REF!</definedName>
    <definedName name="貸方累計_15">#REF!</definedName>
    <definedName name="貸方累計_16" localSheetId="0">#REF!</definedName>
    <definedName name="貸方累計_16">#REF!</definedName>
    <definedName name="貸方累計_17" localSheetId="0">#REF!</definedName>
    <definedName name="貸方累計_17">#REF!</definedName>
    <definedName name="貸方累計_18" localSheetId="0">#REF!</definedName>
    <definedName name="貸方累計_18">#REF!</definedName>
    <definedName name="貸方累計_19" localSheetId="0">#REF!</definedName>
    <definedName name="貸方累計_19">#REF!</definedName>
    <definedName name="貸方累計_2" localSheetId="0">#REF!</definedName>
    <definedName name="貸方累計_2">#REF!</definedName>
    <definedName name="貸方累計_20" localSheetId="0">#REF!</definedName>
    <definedName name="貸方累計_20">#REF!</definedName>
    <definedName name="貸方累計_3" localSheetId="0">#REF!</definedName>
    <definedName name="貸方累計_3">#REF!</definedName>
    <definedName name="貸方累計_4" localSheetId="0">#REF!</definedName>
    <definedName name="貸方累計_4">#REF!</definedName>
    <definedName name="貸方累計_5" localSheetId="0">#REF!</definedName>
    <definedName name="貸方累計_5">#REF!</definedName>
    <definedName name="貸方累計_6" localSheetId="0">#REF!</definedName>
    <definedName name="貸方累計_6">#REF!</definedName>
    <definedName name="貸方累計_7" localSheetId="0">#REF!</definedName>
    <definedName name="貸方累計_7">#REF!</definedName>
    <definedName name="貸方累計_8" localSheetId="0">#REF!</definedName>
    <definedName name="貸方累計_8">#REF!</definedName>
    <definedName name="貸方累計_9" localSheetId="0">#REF!</definedName>
    <definedName name="貸方累計_9">#REF!</definedName>
    <definedName name="退職厚生" localSheetId="0">#REF!</definedName>
    <definedName name="退職厚生">#REF!</definedName>
    <definedName name="団体名">[8]データ!$B$4:$B$96</definedName>
    <definedName name="調査年度">[9]要望データ!$A$1</definedName>
    <definedName name="特別損失金額" localSheetId="0">#REF!</definedName>
    <definedName name="特別損失金額">#REF!</definedName>
    <definedName name="特別損失税額" localSheetId="0">#REF!</definedName>
    <definedName name="特別損失税額">#REF!</definedName>
    <definedName name="年度" localSheetId="0">#REF!</definedName>
    <definedName name="年度">#REF!</definedName>
    <definedName name="燃料" localSheetId="0">#REF!</definedName>
    <definedName name="燃料">#REF!</definedName>
    <definedName name="被服" localSheetId="0">#REF!</definedName>
    <definedName name="被服">#REF!</definedName>
    <definedName name="費目コード" localSheetId="0">#REF!</definedName>
    <definedName name="費目コード">#REF!</definedName>
    <definedName name="費目識別" localSheetId="0">#REF!</definedName>
    <definedName name="費目識別">#REF!</definedName>
    <definedName name="府市統合本部項目">'[5]入力規則シート（触らないで）'!$A$49:$A$52</definedName>
    <definedName name="物件費０１金額_1" localSheetId="0">#REF!</definedName>
    <definedName name="物件費０１金額_1">#REF!</definedName>
    <definedName name="物件費０１金額_10" localSheetId="0">#REF!</definedName>
    <definedName name="物件費０１金額_10">#REF!</definedName>
    <definedName name="物件費０１金額_11" localSheetId="0">#REF!</definedName>
    <definedName name="物件費０１金額_11">#REF!</definedName>
    <definedName name="物件費０１金額_12" localSheetId="0">#REF!</definedName>
    <definedName name="物件費０１金額_12">#REF!</definedName>
    <definedName name="物件費０１金額_13" localSheetId="0">#REF!</definedName>
    <definedName name="物件費０１金額_13">#REF!</definedName>
    <definedName name="物件費０１金額_14" localSheetId="0">#REF!</definedName>
    <definedName name="物件費０１金額_14">#REF!</definedName>
    <definedName name="物件費０１金額_15" localSheetId="0">#REF!</definedName>
    <definedName name="物件費０１金額_15">#REF!</definedName>
    <definedName name="物件費０１金額_16" localSheetId="0">#REF!</definedName>
    <definedName name="物件費０１金額_16">#REF!</definedName>
    <definedName name="物件費０１金額_17" localSheetId="0">#REF!</definedName>
    <definedName name="物件費０１金額_17">#REF!</definedName>
    <definedName name="物件費０１金額_18" localSheetId="0">#REF!</definedName>
    <definedName name="物件費０１金額_18">#REF!</definedName>
    <definedName name="物件費０１金額_19" localSheetId="0">#REF!</definedName>
    <definedName name="物件費０１金額_19">#REF!</definedName>
    <definedName name="物件費０１金額_2" localSheetId="0">#REF!</definedName>
    <definedName name="物件費０１金額_2">#REF!</definedName>
    <definedName name="物件費０１金額_20" localSheetId="0">#REF!</definedName>
    <definedName name="物件費０１金額_20">#REF!</definedName>
    <definedName name="物件費０１金額_21" localSheetId="0">#REF!</definedName>
    <definedName name="物件費０１金額_21">#REF!</definedName>
    <definedName name="物件費０１金額_22" localSheetId="0">#REF!</definedName>
    <definedName name="物件費０１金額_22">#REF!</definedName>
    <definedName name="物件費０１金額_23" localSheetId="0">#REF!</definedName>
    <definedName name="物件費０１金額_23">#REF!</definedName>
    <definedName name="物件費０１金額_24" localSheetId="0">#REF!</definedName>
    <definedName name="物件費０１金額_24">#REF!</definedName>
    <definedName name="物件費０１金額_25" localSheetId="0">#REF!</definedName>
    <definedName name="物件費０１金額_25">#REF!</definedName>
    <definedName name="物件費０１金額_26" localSheetId="0">#REF!</definedName>
    <definedName name="物件費０１金額_26">#REF!</definedName>
    <definedName name="物件費０１金額_27" localSheetId="0">#REF!</definedName>
    <definedName name="物件費０１金額_27">#REF!</definedName>
    <definedName name="物件費０１金額_28" localSheetId="0">#REF!</definedName>
    <definedName name="物件費０１金額_28">#REF!</definedName>
    <definedName name="物件費０１金額_29" localSheetId="0">#REF!</definedName>
    <definedName name="物件費０１金額_29">#REF!</definedName>
    <definedName name="物件費０１金額_3" localSheetId="0">#REF!</definedName>
    <definedName name="物件費０１金額_3">#REF!</definedName>
    <definedName name="物件費０１金額_30" localSheetId="0">#REF!</definedName>
    <definedName name="物件費０１金額_30">#REF!</definedName>
    <definedName name="物件費０１金額_31" localSheetId="0">#REF!</definedName>
    <definedName name="物件費０１金額_31">#REF!</definedName>
    <definedName name="物件費０１金額_32" localSheetId="0">#REF!</definedName>
    <definedName name="物件費０１金額_32">#REF!</definedName>
    <definedName name="物件費０１金額_33" localSheetId="0">#REF!</definedName>
    <definedName name="物件費０１金額_33">#REF!</definedName>
    <definedName name="物件費０１金額_34" localSheetId="0">#REF!</definedName>
    <definedName name="物件費０１金額_34">#REF!</definedName>
    <definedName name="物件費０１金額_35" localSheetId="0">#REF!</definedName>
    <definedName name="物件費０１金額_35">#REF!</definedName>
    <definedName name="物件費０１金額_36" localSheetId="0">#REF!</definedName>
    <definedName name="物件費０１金額_36">#REF!</definedName>
    <definedName name="物件費０１金額_37" localSheetId="0">#REF!</definedName>
    <definedName name="物件費０１金額_37">#REF!</definedName>
    <definedName name="物件費０１金額_38" localSheetId="0">#REF!</definedName>
    <definedName name="物件費０１金額_38">#REF!</definedName>
    <definedName name="物件費０１金額_39" localSheetId="0">#REF!</definedName>
    <definedName name="物件費０１金額_39">#REF!</definedName>
    <definedName name="物件費０１金額_4" localSheetId="0">#REF!</definedName>
    <definedName name="物件費０１金額_4">#REF!</definedName>
    <definedName name="物件費０１金額_40" localSheetId="0">#REF!</definedName>
    <definedName name="物件費０１金額_40">#REF!</definedName>
    <definedName name="物件費０１金額_41" localSheetId="0">#REF!</definedName>
    <definedName name="物件費０１金額_41">#REF!</definedName>
    <definedName name="物件費０１金額_42" localSheetId="0">#REF!</definedName>
    <definedName name="物件費０１金額_42">#REF!</definedName>
    <definedName name="物件費０１金額_43" localSheetId="0">#REF!</definedName>
    <definedName name="物件費０１金額_43">#REF!</definedName>
    <definedName name="物件費０１金額_44" localSheetId="0">#REF!</definedName>
    <definedName name="物件費０１金額_44">#REF!</definedName>
    <definedName name="物件費０１金額_45" localSheetId="0">#REF!</definedName>
    <definedName name="物件費０１金額_45">#REF!</definedName>
    <definedName name="物件費０１金額_46" localSheetId="0">#REF!</definedName>
    <definedName name="物件費０１金額_46">#REF!</definedName>
    <definedName name="物件費０１金額_5" localSheetId="0">#REF!</definedName>
    <definedName name="物件費０１金額_5">#REF!</definedName>
    <definedName name="物件費０１金額_6" localSheetId="0">#REF!</definedName>
    <definedName name="物件費０１金額_6">#REF!</definedName>
    <definedName name="物件費０１金額_7" localSheetId="0">#REF!</definedName>
    <definedName name="物件費０１金額_7">#REF!</definedName>
    <definedName name="物件費０１金額_8" localSheetId="0">#REF!</definedName>
    <definedName name="物件費０１金額_8">#REF!</definedName>
    <definedName name="物件費０１金額_9" localSheetId="0">#REF!</definedName>
    <definedName name="物件費０１金額_9">#REF!</definedName>
    <definedName name="物件費０１税額_1" localSheetId="0">#REF!</definedName>
    <definedName name="物件費０１税額_1">#REF!</definedName>
    <definedName name="物件費０１税額_10" localSheetId="0">#REF!</definedName>
    <definedName name="物件費０１税額_10">#REF!</definedName>
    <definedName name="物件費０１税額_11" localSheetId="0">#REF!</definedName>
    <definedName name="物件費０１税額_11">#REF!</definedName>
    <definedName name="物件費０１税額_12" localSheetId="0">#REF!</definedName>
    <definedName name="物件費０１税額_12">#REF!</definedName>
    <definedName name="物件費０１税額_13" localSheetId="0">#REF!</definedName>
    <definedName name="物件費０１税額_13">#REF!</definedName>
    <definedName name="物件費０１税額_14" localSheetId="0">#REF!</definedName>
    <definedName name="物件費０１税額_14">#REF!</definedName>
    <definedName name="物件費０１税額_15" localSheetId="0">#REF!</definedName>
    <definedName name="物件費０１税額_15">#REF!</definedName>
    <definedName name="物件費０１税額_16" localSheetId="0">#REF!</definedName>
    <definedName name="物件費０１税額_16">#REF!</definedName>
    <definedName name="物件費０１税額_17" localSheetId="0">#REF!</definedName>
    <definedName name="物件費０１税額_17">#REF!</definedName>
    <definedName name="物件費０１税額_18" localSheetId="0">#REF!</definedName>
    <definedName name="物件費０１税額_18">#REF!</definedName>
    <definedName name="物件費０１税額_19" localSheetId="0">#REF!</definedName>
    <definedName name="物件費０１税額_19">#REF!</definedName>
    <definedName name="物件費０１税額_2" localSheetId="0">#REF!</definedName>
    <definedName name="物件費０１税額_2">#REF!</definedName>
    <definedName name="物件費０１税額_20" localSheetId="0">#REF!</definedName>
    <definedName name="物件費０１税額_20">#REF!</definedName>
    <definedName name="物件費０１税額_21" localSheetId="0">#REF!</definedName>
    <definedName name="物件費０１税額_21">#REF!</definedName>
    <definedName name="物件費０１税額_22" localSheetId="0">#REF!</definedName>
    <definedName name="物件費０１税額_22">#REF!</definedName>
    <definedName name="物件費０１税額_23" localSheetId="0">#REF!</definedName>
    <definedName name="物件費０１税額_23">#REF!</definedName>
    <definedName name="物件費０１税額_24" localSheetId="0">#REF!</definedName>
    <definedName name="物件費０１税額_24">#REF!</definedName>
    <definedName name="物件費０１税額_25" localSheetId="0">#REF!</definedName>
    <definedName name="物件費０１税額_25">#REF!</definedName>
    <definedName name="物件費０１税額_26" localSheetId="0">#REF!</definedName>
    <definedName name="物件費０１税額_26">#REF!</definedName>
    <definedName name="物件費０１税額_27" localSheetId="0">#REF!</definedName>
    <definedName name="物件費０１税額_27">#REF!</definedName>
    <definedName name="物件費０１税額_28" localSheetId="0">#REF!</definedName>
    <definedName name="物件費０１税額_28">#REF!</definedName>
    <definedName name="物件費０１税額_29" localSheetId="0">#REF!</definedName>
    <definedName name="物件費０１税額_29">#REF!</definedName>
    <definedName name="物件費０１税額_3" localSheetId="0">#REF!</definedName>
    <definedName name="物件費０１税額_3">#REF!</definedName>
    <definedName name="物件費０１税額_30" localSheetId="0">#REF!</definedName>
    <definedName name="物件費０１税額_30">#REF!</definedName>
    <definedName name="物件費０１税額_31" localSheetId="0">#REF!</definedName>
    <definedName name="物件費０１税額_31">#REF!</definedName>
    <definedName name="物件費０１税額_32" localSheetId="0">#REF!</definedName>
    <definedName name="物件費０１税額_32">#REF!</definedName>
    <definedName name="物件費０１税額_33" localSheetId="0">#REF!</definedName>
    <definedName name="物件費０１税額_33">#REF!</definedName>
    <definedName name="物件費０１税額_34" localSheetId="0">#REF!</definedName>
    <definedName name="物件費０１税額_34">#REF!</definedName>
    <definedName name="物件費０１税額_35" localSheetId="0">#REF!</definedName>
    <definedName name="物件費０１税額_35">#REF!</definedName>
    <definedName name="物件費０１税額_36" localSheetId="0">#REF!</definedName>
    <definedName name="物件費０１税額_36">#REF!</definedName>
    <definedName name="物件費０１税額_37" localSheetId="0">#REF!</definedName>
    <definedName name="物件費０１税額_37">#REF!</definedName>
    <definedName name="物件費０１税額_38" localSheetId="0">#REF!</definedName>
    <definedName name="物件費０１税額_38">#REF!</definedName>
    <definedName name="物件費０１税額_39" localSheetId="0">#REF!</definedName>
    <definedName name="物件費０１税額_39">#REF!</definedName>
    <definedName name="物件費０１税額_4" localSheetId="0">#REF!</definedName>
    <definedName name="物件費０１税額_4">#REF!</definedName>
    <definedName name="物件費０１税額_40" localSheetId="0">#REF!</definedName>
    <definedName name="物件費０１税額_40">#REF!</definedName>
    <definedName name="物件費０１税額_41" localSheetId="0">#REF!</definedName>
    <definedName name="物件費０１税額_41">#REF!</definedName>
    <definedName name="物件費０１税額_42" localSheetId="0">#REF!</definedName>
    <definedName name="物件費０１税額_42">#REF!</definedName>
    <definedName name="物件費０１税額_43" localSheetId="0">#REF!</definedName>
    <definedName name="物件費０１税額_43">#REF!</definedName>
    <definedName name="物件費０１税額_44" localSheetId="0">#REF!</definedName>
    <definedName name="物件費０１税額_44">#REF!</definedName>
    <definedName name="物件費０１税額_45" localSheetId="0">#REF!</definedName>
    <definedName name="物件費０１税額_45">#REF!</definedName>
    <definedName name="物件費０１税額_46" localSheetId="0">#REF!</definedName>
    <definedName name="物件費０１税額_46">#REF!</definedName>
    <definedName name="物件費０１税額_5" localSheetId="0">#REF!</definedName>
    <definedName name="物件費０１税額_5">#REF!</definedName>
    <definedName name="物件費０１税額_6" localSheetId="0">#REF!</definedName>
    <definedName name="物件費０１税額_6">#REF!</definedName>
    <definedName name="物件費０１税額_7" localSheetId="0">#REF!</definedName>
    <definedName name="物件費０１税額_7">#REF!</definedName>
    <definedName name="物件費０１税額_8" localSheetId="0">#REF!</definedName>
    <definedName name="物件費０１税額_8">#REF!</definedName>
    <definedName name="物件費０１税額_9" localSheetId="0">#REF!</definedName>
    <definedName name="物件費０１税額_9">#REF!</definedName>
    <definedName name="物件費０２金額_1" localSheetId="0">#REF!</definedName>
    <definedName name="物件費０２金額_1">#REF!</definedName>
    <definedName name="物件費０２金額_10" localSheetId="0">#REF!</definedName>
    <definedName name="物件費０２金額_10">#REF!</definedName>
    <definedName name="物件費０２金額_11" localSheetId="0">#REF!</definedName>
    <definedName name="物件費０２金額_11">#REF!</definedName>
    <definedName name="物件費０２金額_12" localSheetId="0">#REF!</definedName>
    <definedName name="物件費０２金額_12">#REF!</definedName>
    <definedName name="物件費０２金額_13" localSheetId="0">#REF!</definedName>
    <definedName name="物件費０２金額_13">#REF!</definedName>
    <definedName name="物件費０２金額_14" localSheetId="0">#REF!</definedName>
    <definedName name="物件費０２金額_14">#REF!</definedName>
    <definedName name="物件費０２金額_15" localSheetId="0">#REF!</definedName>
    <definedName name="物件費０２金額_15">#REF!</definedName>
    <definedName name="物件費０２金額_16" localSheetId="0">#REF!</definedName>
    <definedName name="物件費０２金額_16">#REF!</definedName>
    <definedName name="物件費０２金額_17" localSheetId="0">#REF!</definedName>
    <definedName name="物件費０２金額_17">#REF!</definedName>
    <definedName name="物件費０２金額_18" localSheetId="0">#REF!</definedName>
    <definedName name="物件費０２金額_18">#REF!</definedName>
    <definedName name="物件費０２金額_19" localSheetId="0">#REF!</definedName>
    <definedName name="物件費０２金額_19">#REF!</definedName>
    <definedName name="物件費０２金額_2" localSheetId="0">#REF!</definedName>
    <definedName name="物件費０２金額_2">#REF!</definedName>
    <definedName name="物件費０２金額_20" localSheetId="0">#REF!</definedName>
    <definedName name="物件費０２金額_20">#REF!</definedName>
    <definedName name="物件費０２金額_21" localSheetId="0">#REF!</definedName>
    <definedName name="物件費０２金額_21">#REF!</definedName>
    <definedName name="物件費０２金額_22" localSheetId="0">#REF!</definedName>
    <definedName name="物件費０２金額_22">#REF!</definedName>
    <definedName name="物件費０２金額_23" localSheetId="0">#REF!</definedName>
    <definedName name="物件費０２金額_23">#REF!</definedName>
    <definedName name="物件費０２金額_24" localSheetId="0">#REF!</definedName>
    <definedName name="物件費０２金額_24">#REF!</definedName>
    <definedName name="物件費０２金額_25" localSheetId="0">#REF!</definedName>
    <definedName name="物件費０２金額_25">#REF!</definedName>
    <definedName name="物件費０２金額_26" localSheetId="0">#REF!</definedName>
    <definedName name="物件費０２金額_26">#REF!</definedName>
    <definedName name="物件費０２金額_27" localSheetId="0">#REF!</definedName>
    <definedName name="物件費０２金額_27">#REF!</definedName>
    <definedName name="物件費０２金額_28" localSheetId="0">#REF!</definedName>
    <definedName name="物件費０２金額_28">#REF!</definedName>
    <definedName name="物件費０２金額_29" localSheetId="0">#REF!</definedName>
    <definedName name="物件費０２金額_29">#REF!</definedName>
    <definedName name="物件費０２金額_3" localSheetId="0">#REF!</definedName>
    <definedName name="物件費０２金額_3">#REF!</definedName>
    <definedName name="物件費０２金額_30" localSheetId="0">#REF!</definedName>
    <definedName name="物件費０２金額_30">#REF!</definedName>
    <definedName name="物件費０２金額_31" localSheetId="0">#REF!</definedName>
    <definedName name="物件費０２金額_31">#REF!</definedName>
    <definedName name="物件費０２金額_32" localSheetId="0">#REF!</definedName>
    <definedName name="物件費０２金額_32">#REF!</definedName>
    <definedName name="物件費０２金額_33" localSheetId="0">#REF!</definedName>
    <definedName name="物件費０２金額_33">#REF!</definedName>
    <definedName name="物件費０２金額_34" localSheetId="0">#REF!</definedName>
    <definedName name="物件費０２金額_34">#REF!</definedName>
    <definedName name="物件費０２金額_35" localSheetId="0">#REF!</definedName>
    <definedName name="物件費０２金額_35">#REF!</definedName>
    <definedName name="物件費０２金額_36" localSheetId="0">#REF!</definedName>
    <definedName name="物件費０２金額_36">#REF!</definedName>
    <definedName name="物件費０２金額_37" localSheetId="0">#REF!</definedName>
    <definedName name="物件費０２金額_37">#REF!</definedName>
    <definedName name="物件費０２金額_38" localSheetId="0">#REF!</definedName>
    <definedName name="物件費０２金額_38">#REF!</definedName>
    <definedName name="物件費０２金額_39" localSheetId="0">#REF!</definedName>
    <definedName name="物件費０２金額_39">#REF!</definedName>
    <definedName name="物件費０２金額_4" localSheetId="0">#REF!</definedName>
    <definedName name="物件費０２金額_4">#REF!</definedName>
    <definedName name="物件費０２金額_40" localSheetId="0">#REF!</definedName>
    <definedName name="物件費０２金額_40">#REF!</definedName>
    <definedName name="物件費０２金額_41" localSheetId="0">#REF!</definedName>
    <definedName name="物件費０２金額_41">#REF!</definedName>
    <definedName name="物件費０２金額_42" localSheetId="0">#REF!</definedName>
    <definedName name="物件費０２金額_42">#REF!</definedName>
    <definedName name="物件費０２金額_43" localSheetId="0">#REF!</definedName>
    <definedName name="物件費０２金額_43">#REF!</definedName>
    <definedName name="物件費０２金額_44" localSheetId="0">#REF!</definedName>
    <definedName name="物件費０２金額_44">#REF!</definedName>
    <definedName name="物件費０２金額_45" localSheetId="0">#REF!</definedName>
    <definedName name="物件費０２金額_45">#REF!</definedName>
    <definedName name="物件費０２金額_46" localSheetId="0">#REF!</definedName>
    <definedName name="物件費０２金額_46">#REF!</definedName>
    <definedName name="物件費０２金額_5" localSheetId="0">#REF!</definedName>
    <definedName name="物件費０２金額_5">#REF!</definedName>
    <definedName name="物件費０２金額_6" localSheetId="0">#REF!</definedName>
    <definedName name="物件費０２金額_6">#REF!</definedName>
    <definedName name="物件費０２金額_7" localSheetId="0">#REF!</definedName>
    <definedName name="物件費０２金額_7">#REF!</definedName>
    <definedName name="物件費０２金額_8" localSheetId="0">#REF!</definedName>
    <definedName name="物件費０２金額_8">#REF!</definedName>
    <definedName name="物件費０２金額_9" localSheetId="0">#REF!</definedName>
    <definedName name="物件費０２金額_9">#REF!</definedName>
    <definedName name="物件費０２税額_1" localSheetId="0">#REF!</definedName>
    <definedName name="物件費０２税額_1">#REF!</definedName>
    <definedName name="物件費０２税額_10" localSheetId="0">#REF!</definedName>
    <definedName name="物件費０２税額_10">#REF!</definedName>
    <definedName name="物件費０２税額_11" localSheetId="0">#REF!</definedName>
    <definedName name="物件費０２税額_11">#REF!</definedName>
    <definedName name="物件費０２税額_12" localSheetId="0">#REF!</definedName>
    <definedName name="物件費０２税額_12">#REF!</definedName>
    <definedName name="物件費０２税額_13" localSheetId="0">#REF!</definedName>
    <definedName name="物件費０２税額_13">#REF!</definedName>
    <definedName name="物件費０２税額_14" localSheetId="0">#REF!</definedName>
    <definedName name="物件費０２税額_14">#REF!</definedName>
    <definedName name="物件費０２税額_15" localSheetId="0">#REF!</definedName>
    <definedName name="物件費０２税額_15">#REF!</definedName>
    <definedName name="物件費０２税額_16" localSheetId="0">#REF!</definedName>
    <definedName name="物件費０２税額_16">#REF!</definedName>
    <definedName name="物件費０２税額_17" localSheetId="0">#REF!</definedName>
    <definedName name="物件費０２税額_17">#REF!</definedName>
    <definedName name="物件費０２税額_18" localSheetId="0">#REF!</definedName>
    <definedName name="物件費０２税額_18">#REF!</definedName>
    <definedName name="物件費０２税額_19" localSheetId="0">#REF!</definedName>
    <definedName name="物件費０２税額_19">#REF!</definedName>
    <definedName name="物件費０２税額_2" localSheetId="0">#REF!</definedName>
    <definedName name="物件費０２税額_2">#REF!</definedName>
    <definedName name="物件費０２税額_20" localSheetId="0">#REF!</definedName>
    <definedName name="物件費０２税額_20">#REF!</definedName>
    <definedName name="物件費０２税額_21" localSheetId="0">#REF!</definedName>
    <definedName name="物件費０２税額_21">#REF!</definedName>
    <definedName name="物件費０２税額_22" localSheetId="0">#REF!</definedName>
    <definedName name="物件費０２税額_22">#REF!</definedName>
    <definedName name="物件費０２税額_23" localSheetId="0">#REF!</definedName>
    <definedName name="物件費０２税額_23">#REF!</definedName>
    <definedName name="物件費０２税額_24" localSheetId="0">#REF!</definedName>
    <definedName name="物件費０２税額_24">#REF!</definedName>
    <definedName name="物件費０２税額_25" localSheetId="0">#REF!</definedName>
    <definedName name="物件費０２税額_25">#REF!</definedName>
    <definedName name="物件費０２税額_26" localSheetId="0">#REF!</definedName>
    <definedName name="物件費０２税額_26">#REF!</definedName>
    <definedName name="物件費０２税額_27" localSheetId="0">#REF!</definedName>
    <definedName name="物件費０２税額_27">#REF!</definedName>
    <definedName name="物件費０２税額_28" localSheetId="0">#REF!</definedName>
    <definedName name="物件費０２税額_28">#REF!</definedName>
    <definedName name="物件費０２税額_29" localSheetId="0">#REF!</definedName>
    <definedName name="物件費０２税額_29">#REF!</definedName>
    <definedName name="物件費０２税額_3" localSheetId="0">#REF!</definedName>
    <definedName name="物件費０２税額_3">#REF!</definedName>
    <definedName name="物件費０２税額_30" localSheetId="0">#REF!</definedName>
    <definedName name="物件費０２税額_30">#REF!</definedName>
    <definedName name="物件費０２税額_31" localSheetId="0">#REF!</definedName>
    <definedName name="物件費０２税額_31">#REF!</definedName>
    <definedName name="物件費０２税額_32" localSheetId="0">#REF!</definedName>
    <definedName name="物件費０２税額_32">#REF!</definedName>
    <definedName name="物件費０２税額_33" localSheetId="0">#REF!</definedName>
    <definedName name="物件費０２税額_33">#REF!</definedName>
    <definedName name="物件費０２税額_34" localSheetId="0">#REF!</definedName>
    <definedName name="物件費０２税額_34">#REF!</definedName>
    <definedName name="物件費０２税額_35" localSheetId="0">#REF!</definedName>
    <definedName name="物件費０２税額_35">#REF!</definedName>
    <definedName name="物件費０２税額_36" localSheetId="0">#REF!</definedName>
    <definedName name="物件費０２税額_36">#REF!</definedName>
    <definedName name="物件費０２税額_37" localSheetId="0">#REF!</definedName>
    <definedName name="物件費０２税額_37">#REF!</definedName>
    <definedName name="物件費０２税額_38" localSheetId="0">#REF!</definedName>
    <definedName name="物件費０２税額_38">#REF!</definedName>
    <definedName name="物件費０２税額_39" localSheetId="0">#REF!</definedName>
    <definedName name="物件費０２税額_39">#REF!</definedName>
    <definedName name="物件費０２税額_4" localSheetId="0">#REF!</definedName>
    <definedName name="物件費０２税額_4">#REF!</definedName>
    <definedName name="物件費０２税額_40" localSheetId="0">#REF!</definedName>
    <definedName name="物件費０２税額_40">#REF!</definedName>
    <definedName name="物件費０２税額_41" localSheetId="0">#REF!</definedName>
    <definedName name="物件費０２税額_41">#REF!</definedName>
    <definedName name="物件費０２税額_42" localSheetId="0">#REF!</definedName>
    <definedName name="物件費０２税額_42">#REF!</definedName>
    <definedName name="物件費０２税額_43" localSheetId="0">#REF!</definedName>
    <definedName name="物件費０２税額_43">#REF!</definedName>
    <definedName name="物件費０２税額_44" localSheetId="0">#REF!</definedName>
    <definedName name="物件費０２税額_44">#REF!</definedName>
    <definedName name="物件費０２税額_45" localSheetId="0">#REF!</definedName>
    <definedName name="物件費０２税額_45">#REF!</definedName>
    <definedName name="物件費０２税額_46" localSheetId="0">#REF!</definedName>
    <definedName name="物件費０２税額_46">#REF!</definedName>
    <definedName name="物件費０２税額_5" localSheetId="0">#REF!</definedName>
    <definedName name="物件費０２税額_5">#REF!</definedName>
    <definedName name="物件費０２税額_6" localSheetId="0">#REF!</definedName>
    <definedName name="物件費０２税額_6">#REF!</definedName>
    <definedName name="物件費０２税額_7" localSheetId="0">#REF!</definedName>
    <definedName name="物件費０２税額_7">#REF!</definedName>
    <definedName name="物件費０２税額_8" localSheetId="0">#REF!</definedName>
    <definedName name="物件費０２税額_8">#REF!</definedName>
    <definedName name="物件費０２税額_9" localSheetId="0">#REF!</definedName>
    <definedName name="物件費０２税額_9">#REF!</definedName>
    <definedName name="物件費０３金額_1" localSheetId="0">#REF!</definedName>
    <definedName name="物件費０３金額_1">#REF!</definedName>
    <definedName name="物件費０３金額_10" localSheetId="0">#REF!</definedName>
    <definedName name="物件費０３金額_10">#REF!</definedName>
    <definedName name="物件費０３金額_11" localSheetId="0">#REF!</definedName>
    <definedName name="物件費０３金額_11">#REF!</definedName>
    <definedName name="物件費０３金額_12" localSheetId="0">#REF!</definedName>
    <definedName name="物件費０３金額_12">#REF!</definedName>
    <definedName name="物件費０３金額_13" localSheetId="0">#REF!</definedName>
    <definedName name="物件費０３金額_13">#REF!</definedName>
    <definedName name="物件費０３金額_14" localSheetId="0">#REF!</definedName>
    <definedName name="物件費０３金額_14">#REF!</definedName>
    <definedName name="物件費０３金額_15" localSheetId="0">#REF!</definedName>
    <definedName name="物件費０３金額_15">#REF!</definedName>
    <definedName name="物件費０３金額_16" localSheetId="0">#REF!</definedName>
    <definedName name="物件費０３金額_16">#REF!</definedName>
    <definedName name="物件費０３金額_17" localSheetId="0">#REF!</definedName>
    <definedName name="物件費０３金額_17">#REF!</definedName>
    <definedName name="物件費０３金額_18" localSheetId="0">#REF!</definedName>
    <definedName name="物件費０３金額_18">#REF!</definedName>
    <definedName name="物件費０３金額_19" localSheetId="0">#REF!</definedName>
    <definedName name="物件費０３金額_19">#REF!</definedName>
    <definedName name="物件費０３金額_2" localSheetId="0">#REF!</definedName>
    <definedName name="物件費０３金額_2">#REF!</definedName>
    <definedName name="物件費０３金額_20" localSheetId="0">#REF!</definedName>
    <definedName name="物件費０３金額_20">#REF!</definedName>
    <definedName name="物件費０３金額_21" localSheetId="0">#REF!</definedName>
    <definedName name="物件費０３金額_21">#REF!</definedName>
    <definedName name="物件費０３金額_22" localSheetId="0">#REF!</definedName>
    <definedName name="物件費０３金額_22">#REF!</definedName>
    <definedName name="物件費０３金額_23" localSheetId="0">#REF!</definedName>
    <definedName name="物件費０３金額_23">#REF!</definedName>
    <definedName name="物件費０３金額_24" localSheetId="0">#REF!</definedName>
    <definedName name="物件費０３金額_24">#REF!</definedName>
    <definedName name="物件費０３金額_25" localSheetId="0">#REF!</definedName>
    <definedName name="物件費０３金額_25">#REF!</definedName>
    <definedName name="物件費０３金額_26" localSheetId="0">#REF!</definedName>
    <definedName name="物件費０３金額_26">#REF!</definedName>
    <definedName name="物件費０３金額_27" localSheetId="0">#REF!</definedName>
    <definedName name="物件費０３金額_27">#REF!</definedName>
    <definedName name="物件費０３金額_28" localSheetId="0">#REF!</definedName>
    <definedName name="物件費０３金額_28">#REF!</definedName>
    <definedName name="物件費０３金額_29" localSheetId="0">#REF!</definedName>
    <definedName name="物件費０３金額_29">#REF!</definedName>
    <definedName name="物件費０３金額_3" localSheetId="0">#REF!</definedName>
    <definedName name="物件費０３金額_3">#REF!</definedName>
    <definedName name="物件費０３金額_30" localSheetId="0">#REF!</definedName>
    <definedName name="物件費０３金額_30">#REF!</definedName>
    <definedName name="物件費０３金額_31" localSheetId="0">#REF!</definedName>
    <definedName name="物件費０３金額_31">#REF!</definedName>
    <definedName name="物件費０３金額_32" localSheetId="0">#REF!</definedName>
    <definedName name="物件費０３金額_32">#REF!</definedName>
    <definedName name="物件費０３金額_33" localSheetId="0">#REF!</definedName>
    <definedName name="物件費０３金額_33">#REF!</definedName>
    <definedName name="物件費０３金額_34" localSheetId="0">#REF!</definedName>
    <definedName name="物件費０３金額_34">#REF!</definedName>
    <definedName name="物件費０３金額_35" localSheetId="0">#REF!</definedName>
    <definedName name="物件費０３金額_35">#REF!</definedName>
    <definedName name="物件費０３金額_36" localSheetId="0">#REF!</definedName>
    <definedName name="物件費０３金額_36">#REF!</definedName>
    <definedName name="物件費０３金額_37" localSheetId="0">#REF!</definedName>
    <definedName name="物件費０３金額_37">#REF!</definedName>
    <definedName name="物件費０３金額_38" localSheetId="0">#REF!</definedName>
    <definedName name="物件費０３金額_38">#REF!</definedName>
    <definedName name="物件費０３金額_39" localSheetId="0">#REF!</definedName>
    <definedName name="物件費０３金額_39">#REF!</definedName>
    <definedName name="物件費０３金額_4" localSheetId="0">#REF!</definedName>
    <definedName name="物件費０３金額_4">#REF!</definedName>
    <definedName name="物件費０３金額_40" localSheetId="0">#REF!</definedName>
    <definedName name="物件費０３金額_40">#REF!</definedName>
    <definedName name="物件費０３金額_41" localSheetId="0">#REF!</definedName>
    <definedName name="物件費０３金額_41">#REF!</definedName>
    <definedName name="物件費０３金額_42" localSheetId="0">#REF!</definedName>
    <definedName name="物件費０３金額_42">#REF!</definedName>
    <definedName name="物件費０３金額_43" localSheetId="0">#REF!</definedName>
    <definedName name="物件費０３金額_43">#REF!</definedName>
    <definedName name="物件費０３金額_44" localSheetId="0">#REF!</definedName>
    <definedName name="物件費０３金額_44">#REF!</definedName>
    <definedName name="物件費０３金額_45" localSheetId="0">#REF!</definedName>
    <definedName name="物件費０３金額_45">#REF!</definedName>
    <definedName name="物件費０３金額_46" localSheetId="0">#REF!</definedName>
    <definedName name="物件費０３金額_46">#REF!</definedName>
    <definedName name="物件費０３金額_5" localSheetId="0">#REF!</definedName>
    <definedName name="物件費０３金額_5">#REF!</definedName>
    <definedName name="物件費０３金額_6" localSheetId="0">#REF!</definedName>
    <definedName name="物件費０３金額_6">#REF!</definedName>
    <definedName name="物件費０３金額_7" localSheetId="0">#REF!</definedName>
    <definedName name="物件費０３金額_7">#REF!</definedName>
    <definedName name="物件費０３金額_8" localSheetId="0">#REF!</definedName>
    <definedName name="物件費０３金額_8">#REF!</definedName>
    <definedName name="物件費０３金額_9" localSheetId="0">#REF!</definedName>
    <definedName name="物件費０３金額_9">#REF!</definedName>
    <definedName name="物件費０３税額_1" localSheetId="0">#REF!</definedName>
    <definedName name="物件費０３税額_1">#REF!</definedName>
    <definedName name="物件費０３税額_10" localSheetId="0">#REF!</definedName>
    <definedName name="物件費０３税額_10">#REF!</definedName>
    <definedName name="物件費０３税額_11" localSheetId="0">#REF!</definedName>
    <definedName name="物件費０３税額_11">#REF!</definedName>
    <definedName name="物件費０３税額_12" localSheetId="0">#REF!</definedName>
    <definedName name="物件費０３税額_12">#REF!</definedName>
    <definedName name="物件費０３税額_13" localSheetId="0">#REF!</definedName>
    <definedName name="物件費０３税額_13">#REF!</definedName>
    <definedName name="物件費０３税額_14" localSheetId="0">#REF!</definedName>
    <definedName name="物件費０３税額_14">#REF!</definedName>
    <definedName name="物件費０３税額_15" localSheetId="0">#REF!</definedName>
    <definedName name="物件費０３税額_15">#REF!</definedName>
    <definedName name="物件費０３税額_16" localSheetId="0">#REF!</definedName>
    <definedName name="物件費０３税額_16">#REF!</definedName>
    <definedName name="物件費０３税額_17" localSheetId="0">#REF!</definedName>
    <definedName name="物件費０３税額_17">#REF!</definedName>
    <definedName name="物件費０３税額_18" localSheetId="0">#REF!</definedName>
    <definedName name="物件費０３税額_18">#REF!</definedName>
    <definedName name="物件費０３税額_19" localSheetId="0">#REF!</definedName>
    <definedName name="物件費０３税額_19">#REF!</definedName>
    <definedName name="物件費０３税額_2" localSheetId="0">#REF!</definedName>
    <definedName name="物件費０３税額_2">#REF!</definedName>
    <definedName name="物件費０３税額_20" localSheetId="0">#REF!</definedName>
    <definedName name="物件費０３税額_20">#REF!</definedName>
    <definedName name="物件費０３税額_21" localSheetId="0">#REF!</definedName>
    <definedName name="物件費０３税額_21">#REF!</definedName>
    <definedName name="物件費０３税額_22" localSheetId="0">#REF!</definedName>
    <definedName name="物件費０３税額_22">#REF!</definedName>
    <definedName name="物件費０３税額_23" localSheetId="0">#REF!</definedName>
    <definedName name="物件費０３税額_23">#REF!</definedName>
    <definedName name="物件費０３税額_24" localSheetId="0">#REF!</definedName>
    <definedName name="物件費０３税額_24">#REF!</definedName>
    <definedName name="物件費０３税額_25" localSheetId="0">#REF!</definedName>
    <definedName name="物件費０３税額_25">#REF!</definedName>
    <definedName name="物件費０３税額_26" localSheetId="0">#REF!</definedName>
    <definedName name="物件費０３税額_26">#REF!</definedName>
    <definedName name="物件費０３税額_27" localSheetId="0">#REF!</definedName>
    <definedName name="物件費０３税額_27">#REF!</definedName>
    <definedName name="物件費０３税額_28" localSheetId="0">#REF!</definedName>
    <definedName name="物件費０３税額_28">#REF!</definedName>
    <definedName name="物件費０３税額_29" localSheetId="0">#REF!</definedName>
    <definedName name="物件費０３税額_29">#REF!</definedName>
    <definedName name="物件費０３税額_3" localSheetId="0">#REF!</definedName>
    <definedName name="物件費０３税額_3">#REF!</definedName>
    <definedName name="物件費０３税額_30" localSheetId="0">#REF!</definedName>
    <definedName name="物件費０３税額_30">#REF!</definedName>
    <definedName name="物件費０３税額_31" localSheetId="0">#REF!</definedName>
    <definedName name="物件費０３税額_31">#REF!</definedName>
    <definedName name="物件費０３税額_32" localSheetId="0">#REF!</definedName>
    <definedName name="物件費０３税額_32">#REF!</definedName>
    <definedName name="物件費０３税額_33" localSheetId="0">#REF!</definedName>
    <definedName name="物件費０３税額_33">#REF!</definedName>
    <definedName name="物件費０３税額_34" localSheetId="0">#REF!</definedName>
    <definedName name="物件費０３税額_34">#REF!</definedName>
    <definedName name="物件費０３税額_35" localSheetId="0">#REF!</definedName>
    <definedName name="物件費０３税額_35">#REF!</definedName>
    <definedName name="物件費０３税額_36" localSheetId="0">#REF!</definedName>
    <definedName name="物件費０３税額_36">#REF!</definedName>
    <definedName name="物件費０３税額_37" localSheetId="0">#REF!</definedName>
    <definedName name="物件費０３税額_37">#REF!</definedName>
    <definedName name="物件費０３税額_38" localSheetId="0">#REF!</definedName>
    <definedName name="物件費０３税額_38">#REF!</definedName>
    <definedName name="物件費０３税額_39" localSheetId="0">#REF!</definedName>
    <definedName name="物件費０３税額_39">#REF!</definedName>
    <definedName name="物件費０３税額_4" localSheetId="0">#REF!</definedName>
    <definedName name="物件費０３税額_4">#REF!</definedName>
    <definedName name="物件費０３税額_40" localSheetId="0">#REF!</definedName>
    <definedName name="物件費０３税額_40">#REF!</definedName>
    <definedName name="物件費０３税額_41" localSheetId="0">#REF!</definedName>
    <definedName name="物件費０３税額_41">#REF!</definedName>
    <definedName name="物件費０３税額_42" localSheetId="0">#REF!</definedName>
    <definedName name="物件費０３税額_42">#REF!</definedName>
    <definedName name="物件費０３税額_43" localSheetId="0">#REF!</definedName>
    <definedName name="物件費０３税額_43">#REF!</definedName>
    <definedName name="物件費０３税額_44" localSheetId="0">#REF!</definedName>
    <definedName name="物件費０３税額_44">#REF!</definedName>
    <definedName name="物件費０３税額_45" localSheetId="0">#REF!</definedName>
    <definedName name="物件費０３税額_45">#REF!</definedName>
    <definedName name="物件費０３税額_46" localSheetId="0">#REF!</definedName>
    <definedName name="物件費０３税額_46">#REF!</definedName>
    <definedName name="物件費０３税額_5" localSheetId="0">#REF!</definedName>
    <definedName name="物件費０３税額_5">#REF!</definedName>
    <definedName name="物件費０３税額_6" localSheetId="0">#REF!</definedName>
    <definedName name="物件費０３税額_6">#REF!</definedName>
    <definedName name="物件費０３税額_7" localSheetId="0">#REF!</definedName>
    <definedName name="物件費０３税額_7">#REF!</definedName>
    <definedName name="物件費０３税額_8" localSheetId="0">#REF!</definedName>
    <definedName name="物件費０３税額_8">#REF!</definedName>
    <definedName name="物件費０３税額_9" localSheetId="0">#REF!</definedName>
    <definedName name="物件費０３税額_9">#REF!</definedName>
    <definedName name="物件費０４金額_1" localSheetId="0">#REF!</definedName>
    <definedName name="物件費０４金額_1">#REF!</definedName>
    <definedName name="物件費０４金額_10" localSheetId="0">#REF!</definedName>
    <definedName name="物件費０４金額_10">#REF!</definedName>
    <definedName name="物件費０４金額_11" localSheetId="0">#REF!</definedName>
    <definedName name="物件費０４金額_11">#REF!</definedName>
    <definedName name="物件費０４金額_12" localSheetId="0">#REF!</definedName>
    <definedName name="物件費０４金額_12">#REF!</definedName>
    <definedName name="物件費０４金額_13" localSheetId="0">#REF!</definedName>
    <definedName name="物件費０４金額_13">#REF!</definedName>
    <definedName name="物件費０４金額_14" localSheetId="0">#REF!</definedName>
    <definedName name="物件費０４金額_14">#REF!</definedName>
    <definedName name="物件費０４金額_15" localSheetId="0">#REF!</definedName>
    <definedName name="物件費０４金額_15">#REF!</definedName>
    <definedName name="物件費０４金額_16" localSheetId="0">#REF!</definedName>
    <definedName name="物件費０４金額_16">#REF!</definedName>
    <definedName name="物件費０４金額_17" localSheetId="0">#REF!</definedName>
    <definedName name="物件費０４金額_17">#REF!</definedName>
    <definedName name="物件費０４金額_18" localSheetId="0">#REF!</definedName>
    <definedName name="物件費０４金額_18">#REF!</definedName>
    <definedName name="物件費０４金額_19" localSheetId="0">#REF!</definedName>
    <definedName name="物件費０４金額_19">#REF!</definedName>
    <definedName name="物件費０４金額_2" localSheetId="0">#REF!</definedName>
    <definedName name="物件費０４金額_2">#REF!</definedName>
    <definedName name="物件費０４金額_20" localSheetId="0">#REF!</definedName>
    <definedName name="物件費０４金額_20">#REF!</definedName>
    <definedName name="物件費０４金額_21" localSheetId="0">#REF!</definedName>
    <definedName name="物件費０４金額_21">#REF!</definedName>
    <definedName name="物件費０４金額_22" localSheetId="0">#REF!</definedName>
    <definedName name="物件費０４金額_22">#REF!</definedName>
    <definedName name="物件費０４金額_23" localSheetId="0">#REF!</definedName>
    <definedName name="物件費０４金額_23">#REF!</definedName>
    <definedName name="物件費０４金額_24" localSheetId="0">#REF!</definedName>
    <definedName name="物件費０４金額_24">#REF!</definedName>
    <definedName name="物件費０４金額_25" localSheetId="0">#REF!</definedName>
    <definedName name="物件費０４金額_25">#REF!</definedName>
    <definedName name="物件費０４金額_26" localSheetId="0">#REF!</definedName>
    <definedName name="物件費０４金額_26">#REF!</definedName>
    <definedName name="物件費０４金額_27" localSheetId="0">#REF!</definedName>
    <definedName name="物件費０４金額_27">#REF!</definedName>
    <definedName name="物件費０４金額_28" localSheetId="0">#REF!</definedName>
    <definedName name="物件費０４金額_28">#REF!</definedName>
    <definedName name="物件費０４金額_29" localSheetId="0">#REF!</definedName>
    <definedName name="物件費０４金額_29">#REF!</definedName>
    <definedName name="物件費０４金額_3" localSheetId="0">#REF!</definedName>
    <definedName name="物件費０４金額_3">#REF!</definedName>
    <definedName name="物件費０４金額_30" localSheetId="0">#REF!</definedName>
    <definedName name="物件費０４金額_30">#REF!</definedName>
    <definedName name="物件費０４金額_31" localSheetId="0">#REF!</definedName>
    <definedName name="物件費０４金額_31">#REF!</definedName>
    <definedName name="物件費０４金額_32" localSheetId="0">#REF!</definedName>
    <definedName name="物件費０４金額_32">#REF!</definedName>
    <definedName name="物件費０４金額_33" localSheetId="0">#REF!</definedName>
    <definedName name="物件費０４金額_33">#REF!</definedName>
    <definedName name="物件費０４金額_34" localSheetId="0">#REF!</definedName>
    <definedName name="物件費０４金額_34">#REF!</definedName>
    <definedName name="物件費０４金額_35" localSheetId="0">#REF!</definedName>
    <definedName name="物件費０４金額_35">#REF!</definedName>
    <definedName name="物件費０４金額_36" localSheetId="0">#REF!</definedName>
    <definedName name="物件費０４金額_36">#REF!</definedName>
    <definedName name="物件費０４金額_37" localSheetId="0">#REF!</definedName>
    <definedName name="物件費０４金額_37">#REF!</definedName>
    <definedName name="物件費０４金額_38" localSheetId="0">#REF!</definedName>
    <definedName name="物件費０４金額_38">#REF!</definedName>
    <definedName name="物件費０４金額_39" localSheetId="0">#REF!</definedName>
    <definedName name="物件費０４金額_39">#REF!</definedName>
    <definedName name="物件費０４金額_4" localSheetId="0">#REF!</definedName>
    <definedName name="物件費０４金額_4">#REF!</definedName>
    <definedName name="物件費０４金額_40" localSheetId="0">#REF!</definedName>
    <definedName name="物件費０４金額_40">#REF!</definedName>
    <definedName name="物件費０４金額_41" localSheetId="0">#REF!</definedName>
    <definedName name="物件費０４金額_41">#REF!</definedName>
    <definedName name="物件費０４金額_42" localSheetId="0">#REF!</definedName>
    <definedName name="物件費０４金額_42">#REF!</definedName>
    <definedName name="物件費０４金額_43" localSheetId="0">#REF!</definedName>
    <definedName name="物件費０４金額_43">#REF!</definedName>
    <definedName name="物件費０４金額_44" localSheetId="0">#REF!</definedName>
    <definedName name="物件費０４金額_44">#REF!</definedName>
    <definedName name="物件費０４金額_45" localSheetId="0">#REF!</definedName>
    <definedName name="物件費０４金額_45">#REF!</definedName>
    <definedName name="物件費０４金額_46" localSheetId="0">#REF!</definedName>
    <definedName name="物件費０４金額_46">#REF!</definedName>
    <definedName name="物件費０４金額_5" localSheetId="0">#REF!</definedName>
    <definedName name="物件費０４金額_5">#REF!</definedName>
    <definedName name="物件費０４金額_6" localSheetId="0">#REF!</definedName>
    <definedName name="物件費０４金額_6">#REF!</definedName>
    <definedName name="物件費０４金額_7" localSheetId="0">#REF!</definedName>
    <definedName name="物件費０４金額_7">#REF!</definedName>
    <definedName name="物件費０４金額_8" localSheetId="0">#REF!</definedName>
    <definedName name="物件費０４金額_8">#REF!</definedName>
    <definedName name="物件費０４金額_9" localSheetId="0">#REF!</definedName>
    <definedName name="物件費０４金額_9">#REF!</definedName>
    <definedName name="物件費０４税額_1" localSheetId="0">#REF!</definedName>
    <definedName name="物件費０４税額_1">#REF!</definedName>
    <definedName name="物件費０４税額_10" localSheetId="0">#REF!</definedName>
    <definedName name="物件費０４税額_10">#REF!</definedName>
    <definedName name="物件費０４税額_11" localSheetId="0">#REF!</definedName>
    <definedName name="物件費０４税額_11">#REF!</definedName>
    <definedName name="物件費０４税額_12" localSheetId="0">#REF!</definedName>
    <definedName name="物件費０４税額_12">#REF!</definedName>
    <definedName name="物件費０４税額_13" localSheetId="0">#REF!</definedName>
    <definedName name="物件費０４税額_13">#REF!</definedName>
    <definedName name="物件費０４税額_14" localSheetId="0">#REF!</definedName>
    <definedName name="物件費０４税額_14">#REF!</definedName>
    <definedName name="物件費０４税額_15" localSheetId="0">#REF!</definedName>
    <definedName name="物件費０４税額_15">#REF!</definedName>
    <definedName name="物件費０４税額_16" localSheetId="0">#REF!</definedName>
    <definedName name="物件費０４税額_16">#REF!</definedName>
    <definedName name="物件費０４税額_17" localSheetId="0">#REF!</definedName>
    <definedName name="物件費０４税額_17">#REF!</definedName>
    <definedName name="物件費０４税額_18" localSheetId="0">#REF!</definedName>
    <definedName name="物件費０４税額_18">#REF!</definedName>
    <definedName name="物件費０４税額_19" localSheetId="0">#REF!</definedName>
    <definedName name="物件費０４税額_19">#REF!</definedName>
    <definedName name="物件費０４税額_2" localSheetId="0">#REF!</definedName>
    <definedName name="物件費０４税額_2">#REF!</definedName>
    <definedName name="物件費０４税額_20" localSheetId="0">#REF!</definedName>
    <definedName name="物件費０４税額_20">#REF!</definedName>
    <definedName name="物件費０４税額_21" localSheetId="0">#REF!</definedName>
    <definedName name="物件費０４税額_21">#REF!</definedName>
    <definedName name="物件費０４税額_22" localSheetId="0">#REF!</definedName>
    <definedName name="物件費０４税額_22">#REF!</definedName>
    <definedName name="物件費０４税額_23" localSheetId="0">#REF!</definedName>
    <definedName name="物件費０４税額_23">#REF!</definedName>
    <definedName name="物件費０４税額_24" localSheetId="0">#REF!</definedName>
    <definedName name="物件費０４税額_24">#REF!</definedName>
    <definedName name="物件費０４税額_25" localSheetId="0">#REF!</definedName>
    <definedName name="物件費０４税額_25">#REF!</definedName>
    <definedName name="物件費０４税額_26" localSheetId="0">#REF!</definedName>
    <definedName name="物件費０４税額_26">#REF!</definedName>
    <definedName name="物件費０４税額_27" localSheetId="0">#REF!</definedName>
    <definedName name="物件費０４税額_27">#REF!</definedName>
    <definedName name="物件費０４税額_28" localSheetId="0">#REF!</definedName>
    <definedName name="物件費０４税額_28">#REF!</definedName>
    <definedName name="物件費０４税額_29" localSheetId="0">#REF!</definedName>
    <definedName name="物件費０４税額_29">#REF!</definedName>
    <definedName name="物件費０４税額_3" localSheetId="0">#REF!</definedName>
    <definedName name="物件費０４税額_3">#REF!</definedName>
    <definedName name="物件費０４税額_30" localSheetId="0">#REF!</definedName>
    <definedName name="物件費０４税額_30">#REF!</definedName>
    <definedName name="物件費０４税額_31" localSheetId="0">#REF!</definedName>
    <definedName name="物件費０４税額_31">#REF!</definedName>
    <definedName name="物件費０４税額_32" localSheetId="0">#REF!</definedName>
    <definedName name="物件費０４税額_32">#REF!</definedName>
    <definedName name="物件費０４税額_33" localSheetId="0">#REF!</definedName>
    <definedName name="物件費０４税額_33">#REF!</definedName>
    <definedName name="物件費０４税額_34" localSheetId="0">#REF!</definedName>
    <definedName name="物件費０４税額_34">#REF!</definedName>
    <definedName name="物件費０４税額_35" localSheetId="0">#REF!</definedName>
    <definedName name="物件費０４税額_35">#REF!</definedName>
    <definedName name="物件費０４税額_36" localSheetId="0">#REF!</definedName>
    <definedName name="物件費０４税額_36">#REF!</definedName>
    <definedName name="物件費０４税額_37" localSheetId="0">#REF!</definedName>
    <definedName name="物件費０４税額_37">#REF!</definedName>
    <definedName name="物件費０４税額_38" localSheetId="0">#REF!</definedName>
    <definedName name="物件費０４税額_38">#REF!</definedName>
    <definedName name="物件費０４税額_39" localSheetId="0">#REF!</definedName>
    <definedName name="物件費０４税額_39">#REF!</definedName>
    <definedName name="物件費０４税額_4" localSheetId="0">#REF!</definedName>
    <definedName name="物件費０４税額_4">#REF!</definedName>
    <definedName name="物件費０４税額_40" localSheetId="0">#REF!</definedName>
    <definedName name="物件費０４税額_40">#REF!</definedName>
    <definedName name="物件費０４税額_41" localSheetId="0">#REF!</definedName>
    <definedName name="物件費０４税額_41">#REF!</definedName>
    <definedName name="物件費０４税額_42" localSheetId="0">#REF!</definedName>
    <definedName name="物件費０４税額_42">#REF!</definedName>
    <definedName name="物件費０４税額_43" localSheetId="0">#REF!</definedName>
    <definedName name="物件費０４税額_43">#REF!</definedName>
    <definedName name="物件費０４税額_44" localSheetId="0">#REF!</definedName>
    <definedName name="物件費０４税額_44">#REF!</definedName>
    <definedName name="物件費０４税額_45" localSheetId="0">#REF!</definedName>
    <definedName name="物件費０４税額_45">#REF!</definedName>
    <definedName name="物件費０４税額_46" localSheetId="0">#REF!</definedName>
    <definedName name="物件費０４税額_46">#REF!</definedName>
    <definedName name="物件費０４税額_5" localSheetId="0">#REF!</definedName>
    <definedName name="物件費０４税額_5">#REF!</definedName>
    <definedName name="物件費０４税額_6" localSheetId="0">#REF!</definedName>
    <definedName name="物件費０４税額_6">#REF!</definedName>
    <definedName name="物件費０４税額_7" localSheetId="0">#REF!</definedName>
    <definedName name="物件費０４税額_7">#REF!</definedName>
    <definedName name="物件費０４税額_8" localSheetId="0">#REF!</definedName>
    <definedName name="物件費０４税額_8">#REF!</definedName>
    <definedName name="物件費０４税額_9" localSheetId="0">#REF!</definedName>
    <definedName name="物件費０４税額_9">#REF!</definedName>
    <definedName name="物件費０５金額_1" localSheetId="0">#REF!</definedName>
    <definedName name="物件費０５金額_1">#REF!</definedName>
    <definedName name="物件費０５金額_10" localSheetId="0">#REF!</definedName>
    <definedName name="物件費０５金額_10">#REF!</definedName>
    <definedName name="物件費０５金額_11" localSheetId="0">#REF!</definedName>
    <definedName name="物件費０５金額_11">#REF!</definedName>
    <definedName name="物件費０５金額_12" localSheetId="0">#REF!</definedName>
    <definedName name="物件費０５金額_12">#REF!</definedName>
    <definedName name="物件費０５金額_13" localSheetId="0">#REF!</definedName>
    <definedName name="物件費０５金額_13">#REF!</definedName>
    <definedName name="物件費０５金額_14" localSheetId="0">#REF!</definedName>
    <definedName name="物件費０５金額_14">#REF!</definedName>
    <definedName name="物件費０５金額_15" localSheetId="0">#REF!</definedName>
    <definedName name="物件費０５金額_15">#REF!</definedName>
    <definedName name="物件費０５金額_16" localSheetId="0">#REF!</definedName>
    <definedName name="物件費０５金額_16">#REF!</definedName>
    <definedName name="物件費０５金額_17" localSheetId="0">#REF!</definedName>
    <definedName name="物件費０５金額_17">#REF!</definedName>
    <definedName name="物件費０５金額_18" localSheetId="0">#REF!</definedName>
    <definedName name="物件費０５金額_18">#REF!</definedName>
    <definedName name="物件費０５金額_19" localSheetId="0">#REF!</definedName>
    <definedName name="物件費０５金額_19">#REF!</definedName>
    <definedName name="物件費０５金額_2" localSheetId="0">#REF!</definedName>
    <definedName name="物件費０５金額_2">#REF!</definedName>
    <definedName name="物件費０５金額_20" localSheetId="0">#REF!</definedName>
    <definedName name="物件費０５金額_20">#REF!</definedName>
    <definedName name="物件費０５金額_21" localSheetId="0">#REF!</definedName>
    <definedName name="物件費０５金額_21">#REF!</definedName>
    <definedName name="物件費０５金額_22" localSheetId="0">#REF!</definedName>
    <definedName name="物件費０５金額_22">#REF!</definedName>
    <definedName name="物件費０５金額_23" localSheetId="0">#REF!</definedName>
    <definedName name="物件費０５金額_23">#REF!</definedName>
    <definedName name="物件費０５金額_24" localSheetId="0">#REF!</definedName>
    <definedName name="物件費０５金額_24">#REF!</definedName>
    <definedName name="物件費０５金額_25" localSheetId="0">#REF!</definedName>
    <definedName name="物件費０５金額_25">#REF!</definedName>
    <definedName name="物件費０５金額_26" localSheetId="0">#REF!</definedName>
    <definedName name="物件費０５金額_26">#REF!</definedName>
    <definedName name="物件費０５金額_27" localSheetId="0">#REF!</definedName>
    <definedName name="物件費０５金額_27">#REF!</definedName>
    <definedName name="物件費０５金額_28" localSheetId="0">#REF!</definedName>
    <definedName name="物件費０５金額_28">#REF!</definedName>
    <definedName name="物件費０５金額_29" localSheetId="0">#REF!</definedName>
    <definedName name="物件費０５金額_29">#REF!</definedName>
    <definedName name="物件費０５金額_3" localSheetId="0">#REF!</definedName>
    <definedName name="物件費０５金額_3">#REF!</definedName>
    <definedName name="物件費０５金額_30" localSheetId="0">#REF!</definedName>
    <definedName name="物件費０５金額_30">#REF!</definedName>
    <definedName name="物件費０５金額_31" localSheetId="0">#REF!</definedName>
    <definedName name="物件費０５金額_31">#REF!</definedName>
    <definedName name="物件費０５金額_32" localSheetId="0">#REF!</definedName>
    <definedName name="物件費０５金額_32">#REF!</definedName>
    <definedName name="物件費０５金額_33" localSheetId="0">#REF!</definedName>
    <definedName name="物件費０５金額_33">#REF!</definedName>
    <definedName name="物件費０５金額_34" localSheetId="0">#REF!</definedName>
    <definedName name="物件費０５金額_34">#REF!</definedName>
    <definedName name="物件費０５金額_35" localSheetId="0">#REF!</definedName>
    <definedName name="物件費０５金額_35">#REF!</definedName>
    <definedName name="物件費０５金額_36" localSheetId="0">#REF!</definedName>
    <definedName name="物件費０５金額_36">#REF!</definedName>
    <definedName name="物件費０５金額_37" localSheetId="0">#REF!</definedName>
    <definedName name="物件費０５金額_37">#REF!</definedName>
    <definedName name="物件費０５金額_38" localSheetId="0">#REF!</definedName>
    <definedName name="物件費０５金額_38">#REF!</definedName>
    <definedName name="物件費０５金額_39" localSheetId="0">#REF!</definedName>
    <definedName name="物件費０５金額_39">#REF!</definedName>
    <definedName name="物件費０５金額_4" localSheetId="0">#REF!</definedName>
    <definedName name="物件費０５金額_4">#REF!</definedName>
    <definedName name="物件費０５金額_40" localSheetId="0">#REF!</definedName>
    <definedName name="物件費０５金額_40">#REF!</definedName>
    <definedName name="物件費０５金額_41" localSheetId="0">#REF!</definedName>
    <definedName name="物件費０５金額_41">#REF!</definedName>
    <definedName name="物件費０５金額_42" localSheetId="0">#REF!</definedName>
    <definedName name="物件費０５金額_42">#REF!</definedName>
    <definedName name="物件費０５金額_43" localSheetId="0">#REF!</definedName>
    <definedName name="物件費０５金額_43">#REF!</definedName>
    <definedName name="物件費０５金額_44" localSheetId="0">#REF!</definedName>
    <definedName name="物件費０５金額_44">#REF!</definedName>
    <definedName name="物件費０５金額_45" localSheetId="0">#REF!</definedName>
    <definedName name="物件費０５金額_45">#REF!</definedName>
    <definedName name="物件費０５金額_46" localSheetId="0">#REF!</definedName>
    <definedName name="物件費０５金額_46">#REF!</definedName>
    <definedName name="物件費０５金額_5" localSheetId="0">#REF!</definedName>
    <definedName name="物件費０５金額_5">#REF!</definedName>
    <definedName name="物件費０５金額_6" localSheetId="0">#REF!</definedName>
    <definedName name="物件費０５金額_6">#REF!</definedName>
    <definedName name="物件費０５金額_7" localSheetId="0">#REF!</definedName>
    <definedName name="物件費０５金額_7">#REF!</definedName>
    <definedName name="物件費０５金額_8" localSheetId="0">#REF!</definedName>
    <definedName name="物件費０５金額_8">#REF!</definedName>
    <definedName name="物件費０５金額_9" localSheetId="0">#REF!</definedName>
    <definedName name="物件費０５金額_9">#REF!</definedName>
    <definedName name="物件費０５税額_1" localSheetId="0">#REF!</definedName>
    <definedName name="物件費０５税額_1">#REF!</definedName>
    <definedName name="物件費０５税額_10" localSheetId="0">#REF!</definedName>
    <definedName name="物件費０５税額_10">#REF!</definedName>
    <definedName name="物件費０５税額_11" localSheetId="0">#REF!</definedName>
    <definedName name="物件費０５税額_11">#REF!</definedName>
    <definedName name="物件費０５税額_12" localSheetId="0">#REF!</definedName>
    <definedName name="物件費０５税額_12">#REF!</definedName>
    <definedName name="物件費０５税額_13" localSheetId="0">#REF!</definedName>
    <definedName name="物件費０５税額_13">#REF!</definedName>
    <definedName name="物件費０５税額_14" localSheetId="0">#REF!</definedName>
    <definedName name="物件費０５税額_14">#REF!</definedName>
    <definedName name="物件費０５税額_15" localSheetId="0">#REF!</definedName>
    <definedName name="物件費０５税額_15">#REF!</definedName>
    <definedName name="物件費０５税額_16" localSheetId="0">#REF!</definedName>
    <definedName name="物件費０５税額_16">#REF!</definedName>
    <definedName name="物件費０５税額_17" localSheetId="0">#REF!</definedName>
    <definedName name="物件費０５税額_17">#REF!</definedName>
    <definedName name="物件費０５税額_18" localSheetId="0">#REF!</definedName>
    <definedName name="物件費０５税額_18">#REF!</definedName>
    <definedName name="物件費０５税額_19" localSheetId="0">#REF!</definedName>
    <definedName name="物件費０５税額_19">#REF!</definedName>
    <definedName name="物件費０５税額_2" localSheetId="0">#REF!</definedName>
    <definedName name="物件費０５税額_2">#REF!</definedName>
    <definedName name="物件費０５税額_20" localSheetId="0">#REF!</definedName>
    <definedName name="物件費０５税額_20">#REF!</definedName>
    <definedName name="物件費０５税額_21" localSheetId="0">#REF!</definedName>
    <definedName name="物件費０５税額_21">#REF!</definedName>
    <definedName name="物件費０５税額_22" localSheetId="0">#REF!</definedName>
    <definedName name="物件費０５税額_22">#REF!</definedName>
    <definedName name="物件費０５税額_23" localSheetId="0">#REF!</definedName>
    <definedName name="物件費０５税額_23">#REF!</definedName>
    <definedName name="物件費０５税額_24" localSheetId="0">#REF!</definedName>
    <definedName name="物件費０５税額_24">#REF!</definedName>
    <definedName name="物件費０５税額_25" localSheetId="0">#REF!</definedName>
    <definedName name="物件費０５税額_25">#REF!</definedName>
    <definedName name="物件費０５税額_26" localSheetId="0">#REF!</definedName>
    <definedName name="物件費０５税額_26">#REF!</definedName>
    <definedName name="物件費０５税額_27" localSheetId="0">#REF!</definedName>
    <definedName name="物件費０５税額_27">#REF!</definedName>
    <definedName name="物件費０５税額_28" localSheetId="0">#REF!</definedName>
    <definedName name="物件費０５税額_28">#REF!</definedName>
    <definedName name="物件費０５税額_29" localSheetId="0">#REF!</definedName>
    <definedName name="物件費０５税額_29">#REF!</definedName>
    <definedName name="物件費０５税額_3" localSheetId="0">#REF!</definedName>
    <definedName name="物件費０５税額_3">#REF!</definedName>
    <definedName name="物件費０５税額_30" localSheetId="0">#REF!</definedName>
    <definedName name="物件費０５税額_30">#REF!</definedName>
    <definedName name="物件費０５税額_31" localSheetId="0">#REF!</definedName>
    <definedName name="物件費０５税額_31">#REF!</definedName>
    <definedName name="物件費０５税額_32" localSheetId="0">#REF!</definedName>
    <definedName name="物件費０５税額_32">#REF!</definedName>
    <definedName name="物件費０５税額_33" localSheetId="0">#REF!</definedName>
    <definedName name="物件費０５税額_33">#REF!</definedName>
    <definedName name="物件費０５税額_34" localSheetId="0">#REF!</definedName>
    <definedName name="物件費０５税額_34">#REF!</definedName>
    <definedName name="物件費０５税額_35" localSheetId="0">#REF!</definedName>
    <definedName name="物件費０５税額_35">#REF!</definedName>
    <definedName name="物件費０５税額_36" localSheetId="0">#REF!</definedName>
    <definedName name="物件費０５税額_36">#REF!</definedName>
    <definedName name="物件費０５税額_37" localSheetId="0">#REF!</definedName>
    <definedName name="物件費０５税額_37">#REF!</definedName>
    <definedName name="物件費０５税額_38" localSheetId="0">#REF!</definedName>
    <definedName name="物件費０５税額_38">#REF!</definedName>
    <definedName name="物件費０５税額_39" localSheetId="0">#REF!</definedName>
    <definedName name="物件費０５税額_39">#REF!</definedName>
    <definedName name="物件費０５税額_4" localSheetId="0">#REF!</definedName>
    <definedName name="物件費０５税額_4">#REF!</definedName>
    <definedName name="物件費０５税額_40" localSheetId="0">#REF!</definedName>
    <definedName name="物件費０５税額_40">#REF!</definedName>
    <definedName name="物件費０５税額_41" localSheetId="0">#REF!</definedName>
    <definedName name="物件費０５税額_41">#REF!</definedName>
    <definedName name="物件費０５税額_42" localSheetId="0">#REF!</definedName>
    <definedName name="物件費０５税額_42">#REF!</definedName>
    <definedName name="物件費０５税額_43" localSheetId="0">#REF!</definedName>
    <definedName name="物件費０５税額_43">#REF!</definedName>
    <definedName name="物件費０５税額_44" localSheetId="0">#REF!</definedName>
    <definedName name="物件費０５税額_44">#REF!</definedName>
    <definedName name="物件費０５税額_45" localSheetId="0">#REF!</definedName>
    <definedName name="物件費０５税額_45">#REF!</definedName>
    <definedName name="物件費０５税額_46" localSheetId="0">#REF!</definedName>
    <definedName name="物件費０５税額_46">#REF!</definedName>
    <definedName name="物件費０５税額_5" localSheetId="0">#REF!</definedName>
    <definedName name="物件費０５税額_5">#REF!</definedName>
    <definedName name="物件費０５税額_6" localSheetId="0">#REF!</definedName>
    <definedName name="物件費０５税額_6">#REF!</definedName>
    <definedName name="物件費０５税額_7" localSheetId="0">#REF!</definedName>
    <definedName name="物件費０５税額_7">#REF!</definedName>
    <definedName name="物件費０５税額_8" localSheetId="0">#REF!</definedName>
    <definedName name="物件費０５税額_8">#REF!</definedName>
    <definedName name="物件費０５税額_9" localSheetId="0">#REF!</definedName>
    <definedName name="物件費０５税額_9">#REF!</definedName>
    <definedName name="物件費０６金額_1" localSheetId="0">#REF!</definedName>
    <definedName name="物件費０６金額_1">#REF!</definedName>
    <definedName name="物件費０６金額_10" localSheetId="0">#REF!</definedName>
    <definedName name="物件費０６金額_10">#REF!</definedName>
    <definedName name="物件費０６金額_11" localSheetId="0">#REF!</definedName>
    <definedName name="物件費０６金額_11">#REF!</definedName>
    <definedName name="物件費０６金額_12" localSheetId="0">#REF!</definedName>
    <definedName name="物件費０６金額_12">#REF!</definedName>
    <definedName name="物件費０６金額_13" localSheetId="0">#REF!</definedName>
    <definedName name="物件費０６金額_13">#REF!</definedName>
    <definedName name="物件費０６金額_14" localSheetId="0">#REF!</definedName>
    <definedName name="物件費０６金額_14">#REF!</definedName>
    <definedName name="物件費０６金額_15" localSheetId="0">#REF!</definedName>
    <definedName name="物件費０６金額_15">#REF!</definedName>
    <definedName name="物件費０６金額_16" localSheetId="0">#REF!</definedName>
    <definedName name="物件費０６金額_16">#REF!</definedName>
    <definedName name="物件費０６金額_17" localSheetId="0">#REF!</definedName>
    <definedName name="物件費０６金額_17">#REF!</definedName>
    <definedName name="物件費０６金額_18" localSheetId="0">#REF!</definedName>
    <definedName name="物件費０６金額_18">#REF!</definedName>
    <definedName name="物件費０６金額_19" localSheetId="0">#REF!</definedName>
    <definedName name="物件費０６金額_19">#REF!</definedName>
    <definedName name="物件費０６金額_2" localSheetId="0">#REF!</definedName>
    <definedName name="物件費０６金額_2">#REF!</definedName>
    <definedName name="物件費０６金額_20" localSheetId="0">#REF!</definedName>
    <definedName name="物件費０６金額_20">#REF!</definedName>
    <definedName name="物件費０６金額_21" localSheetId="0">#REF!</definedName>
    <definedName name="物件費０６金額_21">#REF!</definedName>
    <definedName name="物件費０６金額_22" localSheetId="0">#REF!</definedName>
    <definedName name="物件費０６金額_22">#REF!</definedName>
    <definedName name="物件費０６金額_23" localSheetId="0">#REF!</definedName>
    <definedName name="物件費０６金額_23">#REF!</definedName>
    <definedName name="物件費０６金額_24" localSheetId="0">#REF!</definedName>
    <definedName name="物件費０６金額_24">#REF!</definedName>
    <definedName name="物件費０６金額_25" localSheetId="0">#REF!</definedName>
    <definedName name="物件費０６金額_25">#REF!</definedName>
    <definedName name="物件費０６金額_26" localSheetId="0">#REF!</definedName>
    <definedName name="物件費０６金額_26">#REF!</definedName>
    <definedName name="物件費０６金額_27" localSheetId="0">#REF!</definedName>
    <definedName name="物件費０６金額_27">#REF!</definedName>
    <definedName name="物件費０６金額_28" localSheetId="0">#REF!</definedName>
    <definedName name="物件費０６金額_28">#REF!</definedName>
    <definedName name="物件費０６金額_29" localSheetId="0">#REF!</definedName>
    <definedName name="物件費０６金額_29">#REF!</definedName>
    <definedName name="物件費０６金額_3" localSheetId="0">#REF!</definedName>
    <definedName name="物件費０６金額_3">#REF!</definedName>
    <definedName name="物件費０６金額_30" localSheetId="0">#REF!</definedName>
    <definedName name="物件費０６金額_30">#REF!</definedName>
    <definedName name="物件費０６金額_31" localSheetId="0">#REF!</definedName>
    <definedName name="物件費０６金額_31">#REF!</definedName>
    <definedName name="物件費０６金額_32" localSheetId="0">#REF!</definedName>
    <definedName name="物件費０６金額_32">#REF!</definedName>
    <definedName name="物件費０６金額_33" localSheetId="0">#REF!</definedName>
    <definedName name="物件費０６金額_33">#REF!</definedName>
    <definedName name="物件費０６金額_34" localSheetId="0">#REF!</definedName>
    <definedName name="物件費０６金額_34">#REF!</definedName>
    <definedName name="物件費０６金額_35" localSheetId="0">#REF!</definedName>
    <definedName name="物件費０６金額_35">#REF!</definedName>
    <definedName name="物件費０６金額_36" localSheetId="0">#REF!</definedName>
    <definedName name="物件費０６金額_36">#REF!</definedName>
    <definedName name="物件費０６金額_37" localSheetId="0">#REF!</definedName>
    <definedName name="物件費０６金額_37">#REF!</definedName>
    <definedName name="物件費０６金額_38" localSheetId="0">#REF!</definedName>
    <definedName name="物件費０６金額_38">#REF!</definedName>
    <definedName name="物件費０６金額_39" localSheetId="0">#REF!</definedName>
    <definedName name="物件費０６金額_39">#REF!</definedName>
    <definedName name="物件費０６金額_4" localSheetId="0">#REF!</definedName>
    <definedName name="物件費０６金額_4">#REF!</definedName>
    <definedName name="物件費０６金額_40" localSheetId="0">#REF!</definedName>
    <definedName name="物件費０６金額_40">#REF!</definedName>
    <definedName name="物件費０６金額_41" localSheetId="0">#REF!</definedName>
    <definedName name="物件費０６金額_41">#REF!</definedName>
    <definedName name="物件費０６金額_42" localSheetId="0">#REF!</definedName>
    <definedName name="物件費０６金額_42">#REF!</definedName>
    <definedName name="物件費０６金額_43" localSheetId="0">#REF!</definedName>
    <definedName name="物件費０６金額_43">#REF!</definedName>
    <definedName name="物件費０６金額_44" localSheetId="0">#REF!</definedName>
    <definedName name="物件費０６金額_44">#REF!</definedName>
    <definedName name="物件費０６金額_45" localSheetId="0">#REF!</definedName>
    <definedName name="物件費０６金額_45">#REF!</definedName>
    <definedName name="物件費０６金額_46" localSheetId="0">#REF!</definedName>
    <definedName name="物件費０６金額_46">#REF!</definedName>
    <definedName name="物件費０６金額_5" localSheetId="0">#REF!</definedName>
    <definedName name="物件費０６金額_5">#REF!</definedName>
    <definedName name="物件費０６金額_6" localSheetId="0">#REF!</definedName>
    <definedName name="物件費０６金額_6">#REF!</definedName>
    <definedName name="物件費０６金額_7" localSheetId="0">#REF!</definedName>
    <definedName name="物件費０６金額_7">#REF!</definedName>
    <definedName name="物件費０６金額_8" localSheetId="0">#REF!</definedName>
    <definedName name="物件費０６金額_8">#REF!</definedName>
    <definedName name="物件費０６金額_9" localSheetId="0">#REF!</definedName>
    <definedName name="物件費０６金額_9">#REF!</definedName>
    <definedName name="物件費０６税額_1" localSheetId="0">#REF!</definedName>
    <definedName name="物件費０６税額_1">#REF!</definedName>
    <definedName name="物件費０６税額_10" localSheetId="0">#REF!</definedName>
    <definedName name="物件費０６税額_10">#REF!</definedName>
    <definedName name="物件費０６税額_11" localSheetId="0">#REF!</definedName>
    <definedName name="物件費０６税額_11">#REF!</definedName>
    <definedName name="物件費０６税額_12" localSheetId="0">#REF!</definedName>
    <definedName name="物件費０６税額_12">#REF!</definedName>
    <definedName name="物件費０６税額_13" localSheetId="0">#REF!</definedName>
    <definedName name="物件費０６税額_13">#REF!</definedName>
    <definedName name="物件費０６税額_14" localSheetId="0">#REF!</definedName>
    <definedName name="物件費０６税額_14">#REF!</definedName>
    <definedName name="物件費０６税額_15" localSheetId="0">#REF!</definedName>
    <definedName name="物件費０６税額_15">#REF!</definedName>
    <definedName name="物件費０６税額_16" localSheetId="0">#REF!</definedName>
    <definedName name="物件費０６税額_16">#REF!</definedName>
    <definedName name="物件費０６税額_17" localSheetId="0">#REF!</definedName>
    <definedName name="物件費０６税額_17">#REF!</definedName>
    <definedName name="物件費０６税額_18" localSheetId="0">#REF!</definedName>
    <definedName name="物件費０６税額_18">#REF!</definedName>
    <definedName name="物件費０６税額_19" localSheetId="0">#REF!</definedName>
    <definedName name="物件費０６税額_19">#REF!</definedName>
    <definedName name="物件費０６税額_2" localSheetId="0">#REF!</definedName>
    <definedName name="物件費０６税額_2">#REF!</definedName>
    <definedName name="物件費０６税額_20" localSheetId="0">#REF!</definedName>
    <definedName name="物件費０６税額_20">#REF!</definedName>
    <definedName name="物件費０６税額_21" localSheetId="0">#REF!</definedName>
    <definedName name="物件費０６税額_21">#REF!</definedName>
    <definedName name="物件費０６税額_22" localSheetId="0">#REF!</definedName>
    <definedName name="物件費０６税額_22">#REF!</definedName>
    <definedName name="物件費０６税額_23" localSheetId="0">#REF!</definedName>
    <definedName name="物件費０６税額_23">#REF!</definedName>
    <definedName name="物件費０６税額_24" localSheetId="0">#REF!</definedName>
    <definedName name="物件費０６税額_24">#REF!</definedName>
    <definedName name="物件費０６税額_25" localSheetId="0">#REF!</definedName>
    <definedName name="物件費０６税額_25">#REF!</definedName>
    <definedName name="物件費０６税額_26" localSheetId="0">#REF!</definedName>
    <definedName name="物件費０６税額_26">#REF!</definedName>
    <definedName name="物件費０６税額_27" localSheetId="0">#REF!</definedName>
    <definedName name="物件費０６税額_27">#REF!</definedName>
    <definedName name="物件費０６税額_28" localSheetId="0">#REF!</definedName>
    <definedName name="物件費０６税額_28">#REF!</definedName>
    <definedName name="物件費０６税額_29" localSheetId="0">#REF!</definedName>
    <definedName name="物件費０６税額_29">#REF!</definedName>
    <definedName name="物件費０６税額_3" localSheetId="0">#REF!</definedName>
    <definedName name="物件費０６税額_3">#REF!</definedName>
    <definedName name="物件費０６税額_30" localSheetId="0">#REF!</definedName>
    <definedName name="物件費０６税額_30">#REF!</definedName>
    <definedName name="物件費０６税額_31" localSheetId="0">#REF!</definedName>
    <definedName name="物件費０６税額_31">#REF!</definedName>
    <definedName name="物件費０６税額_32" localSheetId="0">#REF!</definedName>
    <definedName name="物件費０６税額_32">#REF!</definedName>
    <definedName name="物件費０６税額_33" localSheetId="0">#REF!</definedName>
    <definedName name="物件費０６税額_33">#REF!</definedName>
    <definedName name="物件費０６税額_34" localSheetId="0">#REF!</definedName>
    <definedName name="物件費０６税額_34">#REF!</definedName>
    <definedName name="物件費０６税額_35" localSheetId="0">#REF!</definedName>
    <definedName name="物件費０６税額_35">#REF!</definedName>
    <definedName name="物件費０６税額_36" localSheetId="0">#REF!</definedName>
    <definedName name="物件費０６税額_36">#REF!</definedName>
    <definedName name="物件費０６税額_37" localSheetId="0">#REF!</definedName>
    <definedName name="物件費０６税額_37">#REF!</definedName>
    <definedName name="物件費０６税額_38" localSheetId="0">#REF!</definedName>
    <definedName name="物件費０６税額_38">#REF!</definedName>
    <definedName name="物件費０６税額_39" localSheetId="0">#REF!</definedName>
    <definedName name="物件費０６税額_39">#REF!</definedName>
    <definedName name="物件費０６税額_4" localSheetId="0">#REF!</definedName>
    <definedName name="物件費０６税額_4">#REF!</definedName>
    <definedName name="物件費０６税額_40" localSheetId="0">#REF!</definedName>
    <definedName name="物件費０６税額_40">#REF!</definedName>
    <definedName name="物件費０６税額_41" localSheetId="0">#REF!</definedName>
    <definedName name="物件費０６税額_41">#REF!</definedName>
    <definedName name="物件費０６税額_42" localSheetId="0">#REF!</definedName>
    <definedName name="物件費０６税額_42">#REF!</definedName>
    <definedName name="物件費０６税額_43" localSheetId="0">#REF!</definedName>
    <definedName name="物件費０６税額_43">#REF!</definedName>
    <definedName name="物件費０６税額_44" localSheetId="0">#REF!</definedName>
    <definedName name="物件費０６税額_44">#REF!</definedName>
    <definedName name="物件費０６税額_45" localSheetId="0">#REF!</definedName>
    <definedName name="物件費０６税額_45">#REF!</definedName>
    <definedName name="物件費０６税額_46" localSheetId="0">#REF!</definedName>
    <definedName name="物件費０６税額_46">#REF!</definedName>
    <definedName name="物件費０６税額_5" localSheetId="0">#REF!</definedName>
    <definedName name="物件費０６税額_5">#REF!</definedName>
    <definedName name="物件費０６税額_6" localSheetId="0">#REF!</definedName>
    <definedName name="物件費０６税額_6">#REF!</definedName>
    <definedName name="物件費０６税額_7" localSheetId="0">#REF!</definedName>
    <definedName name="物件費０６税額_7">#REF!</definedName>
    <definedName name="物件費０６税額_8" localSheetId="0">#REF!</definedName>
    <definedName name="物件費０６税額_8">#REF!</definedName>
    <definedName name="物件費０６税額_9" localSheetId="0">#REF!</definedName>
    <definedName name="物件費０６税額_9">#REF!</definedName>
    <definedName name="物件費０７金額_1" localSheetId="0">#REF!</definedName>
    <definedName name="物件費０７金額_1">#REF!</definedName>
    <definedName name="物件費０７金額_10" localSheetId="0">#REF!</definedName>
    <definedName name="物件費０７金額_10">#REF!</definedName>
    <definedName name="物件費０７金額_11" localSheetId="0">#REF!</definedName>
    <definedName name="物件費０７金額_11">#REF!</definedName>
    <definedName name="物件費０７金額_12" localSheetId="0">#REF!</definedName>
    <definedName name="物件費０７金額_12">#REF!</definedName>
    <definedName name="物件費０７金額_13" localSheetId="0">#REF!</definedName>
    <definedName name="物件費０７金額_13">#REF!</definedName>
    <definedName name="物件費０７金額_14" localSheetId="0">#REF!</definedName>
    <definedName name="物件費０７金額_14">#REF!</definedName>
    <definedName name="物件費０７金額_15" localSheetId="0">#REF!</definedName>
    <definedName name="物件費０７金額_15">#REF!</definedName>
    <definedName name="物件費０７金額_16" localSheetId="0">#REF!</definedName>
    <definedName name="物件費０７金額_16">#REF!</definedName>
    <definedName name="物件費０７金額_17" localSheetId="0">#REF!</definedName>
    <definedName name="物件費０７金額_17">#REF!</definedName>
    <definedName name="物件費０７金額_18" localSheetId="0">#REF!</definedName>
    <definedName name="物件費０７金額_18">#REF!</definedName>
    <definedName name="物件費０７金額_19" localSheetId="0">#REF!</definedName>
    <definedName name="物件費０７金額_19">#REF!</definedName>
    <definedName name="物件費０７金額_2" localSheetId="0">#REF!</definedName>
    <definedName name="物件費０７金額_2">#REF!</definedName>
    <definedName name="物件費０７金額_20" localSheetId="0">#REF!</definedName>
    <definedName name="物件費０７金額_20">#REF!</definedName>
    <definedName name="物件費０７金額_21" localSheetId="0">#REF!</definedName>
    <definedName name="物件費０７金額_21">#REF!</definedName>
    <definedName name="物件費０７金額_22" localSheetId="0">#REF!</definedName>
    <definedName name="物件費０７金額_22">#REF!</definedName>
    <definedName name="物件費０７金額_23" localSheetId="0">#REF!</definedName>
    <definedName name="物件費０７金額_23">#REF!</definedName>
    <definedName name="物件費０７金額_24" localSheetId="0">#REF!</definedName>
    <definedName name="物件費０７金額_24">#REF!</definedName>
    <definedName name="物件費０７金額_25" localSheetId="0">#REF!</definedName>
    <definedName name="物件費０７金額_25">#REF!</definedName>
    <definedName name="物件費０７金額_26" localSheetId="0">#REF!</definedName>
    <definedName name="物件費０７金額_26">#REF!</definedName>
    <definedName name="物件費０７金額_27" localSheetId="0">#REF!</definedName>
    <definedName name="物件費０７金額_27">#REF!</definedName>
    <definedName name="物件費０７金額_28" localSheetId="0">#REF!</definedName>
    <definedName name="物件費０７金額_28">#REF!</definedName>
    <definedName name="物件費０７金額_29" localSheetId="0">#REF!</definedName>
    <definedName name="物件費０７金額_29">#REF!</definedName>
    <definedName name="物件費０７金額_3" localSheetId="0">#REF!</definedName>
    <definedName name="物件費０７金額_3">#REF!</definedName>
    <definedName name="物件費０７金額_30" localSheetId="0">#REF!</definedName>
    <definedName name="物件費０７金額_30">#REF!</definedName>
    <definedName name="物件費０７金額_31" localSheetId="0">#REF!</definedName>
    <definedName name="物件費０７金額_31">#REF!</definedName>
    <definedName name="物件費０７金額_32" localSheetId="0">#REF!</definedName>
    <definedName name="物件費０７金額_32">#REF!</definedName>
    <definedName name="物件費０７金額_33" localSheetId="0">#REF!</definedName>
    <definedName name="物件費０７金額_33">#REF!</definedName>
    <definedName name="物件費０７金額_34" localSheetId="0">#REF!</definedName>
    <definedName name="物件費０７金額_34">#REF!</definedName>
    <definedName name="物件費０７金額_35" localSheetId="0">#REF!</definedName>
    <definedName name="物件費０７金額_35">#REF!</definedName>
    <definedName name="物件費０７金額_36" localSheetId="0">#REF!</definedName>
    <definedName name="物件費０７金額_36">#REF!</definedName>
    <definedName name="物件費０７金額_37" localSheetId="0">#REF!</definedName>
    <definedName name="物件費０７金額_37">#REF!</definedName>
    <definedName name="物件費０７金額_38" localSheetId="0">#REF!</definedName>
    <definedName name="物件費０７金額_38">#REF!</definedName>
    <definedName name="物件費０７金額_39" localSheetId="0">#REF!</definedName>
    <definedName name="物件費０７金額_39">#REF!</definedName>
    <definedName name="物件費０７金額_4" localSheetId="0">#REF!</definedName>
    <definedName name="物件費０７金額_4">#REF!</definedName>
    <definedName name="物件費０７金額_40" localSheetId="0">#REF!</definedName>
    <definedName name="物件費０７金額_40">#REF!</definedName>
    <definedName name="物件費０７金額_41" localSheetId="0">#REF!</definedName>
    <definedName name="物件費０７金額_41">#REF!</definedName>
    <definedName name="物件費０７金額_42" localSheetId="0">#REF!</definedName>
    <definedName name="物件費０７金額_42">#REF!</definedName>
    <definedName name="物件費０７金額_43" localSheetId="0">#REF!</definedName>
    <definedName name="物件費０７金額_43">#REF!</definedName>
    <definedName name="物件費０７金額_44" localSheetId="0">#REF!</definedName>
    <definedName name="物件費０７金額_44">#REF!</definedName>
    <definedName name="物件費０７金額_45" localSheetId="0">#REF!</definedName>
    <definedName name="物件費０７金額_45">#REF!</definedName>
    <definedName name="物件費０７金額_46" localSheetId="0">#REF!</definedName>
    <definedName name="物件費０７金額_46">#REF!</definedName>
    <definedName name="物件費０７金額_5" localSheetId="0">#REF!</definedName>
    <definedName name="物件費０７金額_5">#REF!</definedName>
    <definedName name="物件費０７金額_6" localSheetId="0">#REF!</definedName>
    <definedName name="物件費０７金額_6">#REF!</definedName>
    <definedName name="物件費０７金額_7" localSheetId="0">#REF!</definedName>
    <definedName name="物件費０７金額_7">#REF!</definedName>
    <definedName name="物件費０７金額_8" localSheetId="0">#REF!</definedName>
    <definedName name="物件費０７金額_8">#REF!</definedName>
    <definedName name="物件費０７金額_9" localSheetId="0">#REF!</definedName>
    <definedName name="物件費０７金額_9">#REF!</definedName>
    <definedName name="物件費０７税額_1" localSheetId="0">#REF!</definedName>
    <definedName name="物件費０７税額_1">#REF!</definedName>
    <definedName name="物件費０７税額_10" localSheetId="0">#REF!</definedName>
    <definedName name="物件費０７税額_10">#REF!</definedName>
    <definedName name="物件費０７税額_11" localSheetId="0">#REF!</definedName>
    <definedName name="物件費０７税額_11">#REF!</definedName>
    <definedName name="物件費０７税額_12" localSheetId="0">#REF!</definedName>
    <definedName name="物件費０７税額_12">#REF!</definedName>
    <definedName name="物件費０７税額_13" localSheetId="0">#REF!</definedName>
    <definedName name="物件費０７税額_13">#REF!</definedName>
    <definedName name="物件費０７税額_14" localSheetId="0">#REF!</definedName>
    <definedName name="物件費０７税額_14">#REF!</definedName>
    <definedName name="物件費０７税額_15" localSheetId="0">#REF!</definedName>
    <definedName name="物件費０７税額_15">#REF!</definedName>
    <definedName name="物件費０７税額_16" localSheetId="0">#REF!</definedName>
    <definedName name="物件費０７税額_16">#REF!</definedName>
    <definedName name="物件費０７税額_17" localSheetId="0">#REF!</definedName>
    <definedName name="物件費０７税額_17">#REF!</definedName>
    <definedName name="物件費０７税額_18" localSheetId="0">#REF!</definedName>
    <definedName name="物件費０７税額_18">#REF!</definedName>
    <definedName name="物件費０７税額_19" localSheetId="0">#REF!</definedName>
    <definedName name="物件費０７税額_19">#REF!</definedName>
    <definedName name="物件費０７税額_2" localSheetId="0">#REF!</definedName>
    <definedName name="物件費０７税額_2">#REF!</definedName>
    <definedName name="物件費０７税額_20" localSheetId="0">#REF!</definedName>
    <definedName name="物件費０７税額_20">#REF!</definedName>
    <definedName name="物件費０７税額_21" localSheetId="0">#REF!</definedName>
    <definedName name="物件費０７税額_21">#REF!</definedName>
    <definedName name="物件費０７税額_22" localSheetId="0">#REF!</definedName>
    <definedName name="物件費０７税額_22">#REF!</definedName>
    <definedName name="物件費０７税額_23" localSheetId="0">#REF!</definedName>
    <definedName name="物件費０７税額_23">#REF!</definedName>
    <definedName name="物件費０７税額_24" localSheetId="0">#REF!</definedName>
    <definedName name="物件費０７税額_24">#REF!</definedName>
    <definedName name="物件費０７税額_25" localSheetId="0">#REF!</definedName>
    <definedName name="物件費０７税額_25">#REF!</definedName>
    <definedName name="物件費０７税額_26" localSheetId="0">#REF!</definedName>
    <definedName name="物件費０７税額_26">#REF!</definedName>
    <definedName name="物件費０７税額_27" localSheetId="0">#REF!</definedName>
    <definedName name="物件費０７税額_27">#REF!</definedName>
    <definedName name="物件費０７税額_28" localSheetId="0">#REF!</definedName>
    <definedName name="物件費０７税額_28">#REF!</definedName>
    <definedName name="物件費０７税額_29" localSheetId="0">#REF!</definedName>
    <definedName name="物件費０７税額_29">#REF!</definedName>
    <definedName name="物件費０７税額_3" localSheetId="0">#REF!</definedName>
    <definedName name="物件費０７税額_3">#REF!</definedName>
    <definedName name="物件費０７税額_30" localSheetId="0">#REF!</definedName>
    <definedName name="物件費０７税額_30">#REF!</definedName>
    <definedName name="物件費０７税額_31" localSheetId="0">#REF!</definedName>
    <definedName name="物件費０７税額_31">#REF!</definedName>
    <definedName name="物件費０７税額_32" localSheetId="0">#REF!</definedName>
    <definedName name="物件費０７税額_32">#REF!</definedName>
    <definedName name="物件費０７税額_33" localSheetId="0">#REF!</definedName>
    <definedName name="物件費０７税額_33">#REF!</definedName>
    <definedName name="物件費０７税額_34" localSheetId="0">#REF!</definedName>
    <definedName name="物件費０７税額_34">#REF!</definedName>
    <definedName name="物件費０７税額_35" localSheetId="0">#REF!</definedName>
    <definedName name="物件費０７税額_35">#REF!</definedName>
    <definedName name="物件費０７税額_36" localSheetId="0">#REF!</definedName>
    <definedName name="物件費０７税額_36">#REF!</definedName>
    <definedName name="物件費０７税額_37" localSheetId="0">#REF!</definedName>
    <definedName name="物件費０７税額_37">#REF!</definedName>
    <definedName name="物件費０７税額_38" localSheetId="0">#REF!</definedName>
    <definedName name="物件費０７税額_38">#REF!</definedName>
    <definedName name="物件費０７税額_39" localSheetId="0">#REF!</definedName>
    <definedName name="物件費０７税額_39">#REF!</definedName>
    <definedName name="物件費０７税額_4" localSheetId="0">#REF!</definedName>
    <definedName name="物件費０７税額_4">#REF!</definedName>
    <definedName name="物件費０７税額_40" localSheetId="0">#REF!</definedName>
    <definedName name="物件費０７税額_40">#REF!</definedName>
    <definedName name="物件費０７税額_41" localSheetId="0">#REF!</definedName>
    <definedName name="物件費０７税額_41">#REF!</definedName>
    <definedName name="物件費０７税額_42" localSheetId="0">#REF!</definedName>
    <definedName name="物件費０７税額_42">#REF!</definedName>
    <definedName name="物件費０７税額_43" localSheetId="0">#REF!</definedName>
    <definedName name="物件費０７税額_43">#REF!</definedName>
    <definedName name="物件費０７税額_44" localSheetId="0">#REF!</definedName>
    <definedName name="物件費０７税額_44">#REF!</definedName>
    <definedName name="物件費０７税額_45" localSheetId="0">#REF!</definedName>
    <definedName name="物件費０７税額_45">#REF!</definedName>
    <definedName name="物件費０７税額_46" localSheetId="0">#REF!</definedName>
    <definedName name="物件費０７税額_46">#REF!</definedName>
    <definedName name="物件費０７税額_5" localSheetId="0">#REF!</definedName>
    <definedName name="物件費０７税額_5">#REF!</definedName>
    <definedName name="物件費０７税額_6" localSheetId="0">#REF!</definedName>
    <definedName name="物件費０７税額_6">#REF!</definedName>
    <definedName name="物件費０７税額_7" localSheetId="0">#REF!</definedName>
    <definedName name="物件費０７税額_7">#REF!</definedName>
    <definedName name="物件費０７税額_8" localSheetId="0">#REF!</definedName>
    <definedName name="物件費０７税額_8">#REF!</definedName>
    <definedName name="物件費０７税額_9" localSheetId="0">#REF!</definedName>
    <definedName name="物件費０７税額_9">#REF!</definedName>
    <definedName name="物件費０８金額_1" localSheetId="0">#REF!</definedName>
    <definedName name="物件費０８金額_1">#REF!</definedName>
    <definedName name="物件費０８金額_10" localSheetId="0">#REF!</definedName>
    <definedName name="物件費０８金額_10">#REF!</definedName>
    <definedName name="物件費０８金額_11" localSheetId="0">#REF!</definedName>
    <definedName name="物件費０８金額_11">#REF!</definedName>
    <definedName name="物件費０８金額_12" localSheetId="0">#REF!</definedName>
    <definedName name="物件費０８金額_12">#REF!</definedName>
    <definedName name="物件費０８金額_13" localSheetId="0">#REF!</definedName>
    <definedName name="物件費０８金額_13">#REF!</definedName>
    <definedName name="物件費０８金額_14" localSheetId="0">#REF!</definedName>
    <definedName name="物件費０８金額_14">#REF!</definedName>
    <definedName name="物件費０８金額_15" localSheetId="0">#REF!</definedName>
    <definedName name="物件費０８金額_15">#REF!</definedName>
    <definedName name="物件費０８金額_16" localSheetId="0">#REF!</definedName>
    <definedName name="物件費０８金額_16">#REF!</definedName>
    <definedName name="物件費０８金額_17" localSheetId="0">#REF!</definedName>
    <definedName name="物件費０８金額_17">#REF!</definedName>
    <definedName name="物件費０８金額_18" localSheetId="0">#REF!</definedName>
    <definedName name="物件費０８金額_18">#REF!</definedName>
    <definedName name="物件費０８金額_19" localSheetId="0">#REF!</definedName>
    <definedName name="物件費０８金額_19">#REF!</definedName>
    <definedName name="物件費０８金額_2" localSheetId="0">#REF!</definedName>
    <definedName name="物件費０８金額_2">#REF!</definedName>
    <definedName name="物件費０８金額_20" localSheetId="0">#REF!</definedName>
    <definedName name="物件費０８金額_20">#REF!</definedName>
    <definedName name="物件費０８金額_21" localSheetId="0">#REF!</definedName>
    <definedName name="物件費０８金額_21">#REF!</definedName>
    <definedName name="物件費０８金額_22" localSheetId="0">#REF!</definedName>
    <definedName name="物件費０８金額_22">#REF!</definedName>
    <definedName name="物件費０８金額_23" localSheetId="0">#REF!</definedName>
    <definedName name="物件費０８金額_23">#REF!</definedName>
    <definedName name="物件費０８金額_24" localSheetId="0">#REF!</definedName>
    <definedName name="物件費０８金額_24">#REF!</definedName>
    <definedName name="物件費０８金額_25" localSheetId="0">#REF!</definedName>
    <definedName name="物件費０８金額_25">#REF!</definedName>
    <definedName name="物件費０８金額_26" localSheetId="0">#REF!</definedName>
    <definedName name="物件費０８金額_26">#REF!</definedName>
    <definedName name="物件費０８金額_27" localSheetId="0">#REF!</definedName>
    <definedName name="物件費０８金額_27">#REF!</definedName>
    <definedName name="物件費０８金額_28" localSheetId="0">#REF!</definedName>
    <definedName name="物件費０８金額_28">#REF!</definedName>
    <definedName name="物件費０８金額_29" localSheetId="0">#REF!</definedName>
    <definedName name="物件費０８金額_29">#REF!</definedName>
    <definedName name="物件費０８金額_3" localSheetId="0">#REF!</definedName>
    <definedName name="物件費０８金額_3">#REF!</definedName>
    <definedName name="物件費０８金額_30" localSheetId="0">#REF!</definedName>
    <definedName name="物件費０８金額_30">#REF!</definedName>
    <definedName name="物件費０８金額_31" localSheetId="0">#REF!</definedName>
    <definedName name="物件費０８金額_31">#REF!</definedName>
    <definedName name="物件費０８金額_32" localSheetId="0">#REF!</definedName>
    <definedName name="物件費０８金額_32">#REF!</definedName>
    <definedName name="物件費０８金額_33" localSheetId="0">#REF!</definedName>
    <definedName name="物件費０８金額_33">#REF!</definedName>
    <definedName name="物件費０８金額_34" localSheetId="0">#REF!</definedName>
    <definedName name="物件費０８金額_34">#REF!</definedName>
    <definedName name="物件費０８金額_35" localSheetId="0">#REF!</definedName>
    <definedName name="物件費０８金額_35">#REF!</definedName>
    <definedName name="物件費０８金額_36" localSheetId="0">#REF!</definedName>
    <definedName name="物件費０８金額_36">#REF!</definedName>
    <definedName name="物件費０８金額_37" localSheetId="0">#REF!</definedName>
    <definedName name="物件費０８金額_37">#REF!</definedName>
    <definedName name="物件費０８金額_38" localSheetId="0">#REF!</definedName>
    <definedName name="物件費０８金額_38">#REF!</definedName>
    <definedName name="物件費０８金額_39" localSheetId="0">#REF!</definedName>
    <definedName name="物件費０８金額_39">#REF!</definedName>
    <definedName name="物件費０８金額_4" localSheetId="0">#REF!</definedName>
    <definedName name="物件費０８金額_4">#REF!</definedName>
    <definedName name="物件費０８金額_40" localSheetId="0">#REF!</definedName>
    <definedName name="物件費０８金額_40">#REF!</definedName>
    <definedName name="物件費０８金額_41" localSheetId="0">#REF!</definedName>
    <definedName name="物件費０８金額_41">#REF!</definedName>
    <definedName name="物件費０８金額_42" localSheetId="0">#REF!</definedName>
    <definedName name="物件費０８金額_42">#REF!</definedName>
    <definedName name="物件費０８金額_43" localSheetId="0">#REF!</definedName>
    <definedName name="物件費０８金額_43">#REF!</definedName>
    <definedName name="物件費０８金額_44" localSheetId="0">#REF!</definedName>
    <definedName name="物件費０８金額_44">#REF!</definedName>
    <definedName name="物件費０８金額_45" localSheetId="0">#REF!</definedName>
    <definedName name="物件費０８金額_45">#REF!</definedName>
    <definedName name="物件費０８金額_46" localSheetId="0">#REF!</definedName>
    <definedName name="物件費０８金額_46">#REF!</definedName>
    <definedName name="物件費０８金額_5" localSheetId="0">#REF!</definedName>
    <definedName name="物件費０８金額_5">#REF!</definedName>
    <definedName name="物件費０８金額_6" localSheetId="0">#REF!</definedName>
    <definedName name="物件費０８金額_6">#REF!</definedName>
    <definedName name="物件費０８金額_7" localSheetId="0">#REF!</definedName>
    <definedName name="物件費０８金額_7">#REF!</definedName>
    <definedName name="物件費０８金額_8" localSheetId="0">#REF!</definedName>
    <definedName name="物件費０８金額_8">#REF!</definedName>
    <definedName name="物件費０８金額_9" localSheetId="0">#REF!</definedName>
    <definedName name="物件費０８金額_9">#REF!</definedName>
    <definedName name="物件費０８税額_1" localSheetId="0">#REF!</definedName>
    <definedName name="物件費０８税額_1">#REF!</definedName>
    <definedName name="物件費０８税額_10" localSheetId="0">#REF!</definedName>
    <definedName name="物件費０８税額_10">#REF!</definedName>
    <definedName name="物件費０８税額_11" localSheetId="0">#REF!</definedName>
    <definedName name="物件費０８税額_11">#REF!</definedName>
    <definedName name="物件費０８税額_12" localSheetId="0">#REF!</definedName>
    <definedName name="物件費０８税額_12">#REF!</definedName>
    <definedName name="物件費０８税額_13" localSheetId="0">#REF!</definedName>
    <definedName name="物件費０８税額_13">#REF!</definedName>
    <definedName name="物件費０８税額_14" localSheetId="0">#REF!</definedName>
    <definedName name="物件費０８税額_14">#REF!</definedName>
    <definedName name="物件費０８税額_15" localSheetId="0">#REF!</definedName>
    <definedName name="物件費０８税額_15">#REF!</definedName>
    <definedName name="物件費０８税額_16" localSheetId="0">#REF!</definedName>
    <definedName name="物件費０８税額_16">#REF!</definedName>
    <definedName name="物件費０８税額_17" localSheetId="0">#REF!</definedName>
    <definedName name="物件費０８税額_17">#REF!</definedName>
    <definedName name="物件費０８税額_18" localSheetId="0">#REF!</definedName>
    <definedName name="物件費０８税額_18">#REF!</definedName>
    <definedName name="物件費０８税額_19" localSheetId="0">#REF!</definedName>
    <definedName name="物件費０８税額_19">#REF!</definedName>
    <definedName name="物件費０８税額_2" localSheetId="0">#REF!</definedName>
    <definedName name="物件費０８税額_2">#REF!</definedName>
    <definedName name="物件費０８税額_20" localSheetId="0">#REF!</definedName>
    <definedName name="物件費０８税額_20">#REF!</definedName>
    <definedName name="物件費０８税額_21" localSheetId="0">#REF!</definedName>
    <definedName name="物件費０８税額_21">#REF!</definedName>
    <definedName name="物件費０８税額_22" localSheetId="0">#REF!</definedName>
    <definedName name="物件費０８税額_22">#REF!</definedName>
    <definedName name="物件費０８税額_23" localSheetId="0">#REF!</definedName>
    <definedName name="物件費０８税額_23">#REF!</definedName>
    <definedName name="物件費０８税額_24" localSheetId="0">#REF!</definedName>
    <definedName name="物件費０８税額_24">#REF!</definedName>
    <definedName name="物件費０８税額_25" localSheetId="0">#REF!</definedName>
    <definedName name="物件費０８税額_25">#REF!</definedName>
    <definedName name="物件費０８税額_26" localSheetId="0">#REF!</definedName>
    <definedName name="物件費０８税額_26">#REF!</definedName>
    <definedName name="物件費０８税額_27" localSheetId="0">#REF!</definedName>
    <definedName name="物件費０８税額_27">#REF!</definedName>
    <definedName name="物件費０８税額_28" localSheetId="0">#REF!</definedName>
    <definedName name="物件費０８税額_28">#REF!</definedName>
    <definedName name="物件費０８税額_29" localSheetId="0">#REF!</definedName>
    <definedName name="物件費０８税額_29">#REF!</definedName>
    <definedName name="物件費０８税額_3" localSheetId="0">#REF!</definedName>
    <definedName name="物件費０８税額_3">#REF!</definedName>
    <definedName name="物件費０８税額_30" localSheetId="0">#REF!</definedName>
    <definedName name="物件費０８税額_30">#REF!</definedName>
    <definedName name="物件費０８税額_31" localSheetId="0">#REF!</definedName>
    <definedName name="物件費０８税額_31">#REF!</definedName>
    <definedName name="物件費０８税額_32" localSheetId="0">#REF!</definedName>
    <definedName name="物件費０８税額_32">#REF!</definedName>
    <definedName name="物件費０８税額_33" localSheetId="0">#REF!</definedName>
    <definedName name="物件費０８税額_33">#REF!</definedName>
    <definedName name="物件費０８税額_34" localSheetId="0">#REF!</definedName>
    <definedName name="物件費０８税額_34">#REF!</definedName>
    <definedName name="物件費０８税額_35" localSheetId="0">#REF!</definedName>
    <definedName name="物件費０８税額_35">#REF!</definedName>
    <definedName name="物件費０８税額_36" localSheetId="0">#REF!</definedName>
    <definedName name="物件費０８税額_36">#REF!</definedName>
    <definedName name="物件費０８税額_37" localSheetId="0">#REF!</definedName>
    <definedName name="物件費０８税額_37">#REF!</definedName>
    <definedName name="物件費０８税額_38" localSheetId="0">#REF!</definedName>
    <definedName name="物件費０８税額_38">#REF!</definedName>
    <definedName name="物件費０８税額_39" localSheetId="0">#REF!</definedName>
    <definedName name="物件費０８税額_39">#REF!</definedName>
    <definedName name="物件費０８税額_4" localSheetId="0">#REF!</definedName>
    <definedName name="物件費０８税額_4">#REF!</definedName>
    <definedName name="物件費０８税額_40" localSheetId="0">#REF!</definedName>
    <definedName name="物件費０８税額_40">#REF!</definedName>
    <definedName name="物件費０８税額_41" localSheetId="0">#REF!</definedName>
    <definedName name="物件費０８税額_41">#REF!</definedName>
    <definedName name="物件費０８税額_42" localSheetId="0">#REF!</definedName>
    <definedName name="物件費０８税額_42">#REF!</definedName>
    <definedName name="物件費０８税額_43" localSheetId="0">#REF!</definedName>
    <definedName name="物件費０８税額_43">#REF!</definedName>
    <definedName name="物件費０８税額_44" localSheetId="0">#REF!</definedName>
    <definedName name="物件費０８税額_44">#REF!</definedName>
    <definedName name="物件費０８税額_45" localSheetId="0">#REF!</definedName>
    <definedName name="物件費０８税額_45">#REF!</definedName>
    <definedName name="物件費０８税額_46" localSheetId="0">#REF!</definedName>
    <definedName name="物件費０８税額_46">#REF!</definedName>
    <definedName name="物件費０８税額_5" localSheetId="0">#REF!</definedName>
    <definedName name="物件費０８税額_5">#REF!</definedName>
    <definedName name="物件費０８税額_6" localSheetId="0">#REF!</definedName>
    <definedName name="物件費０８税額_6">#REF!</definedName>
    <definedName name="物件費０８税額_7" localSheetId="0">#REF!</definedName>
    <definedName name="物件費０８税額_7">#REF!</definedName>
    <definedName name="物件費０８税額_8" localSheetId="0">#REF!</definedName>
    <definedName name="物件費０８税額_8">#REF!</definedName>
    <definedName name="物件費０８税額_9" localSheetId="0">#REF!</definedName>
    <definedName name="物件費０８税額_9">#REF!</definedName>
    <definedName name="物件費０９金額_1" localSheetId="0">#REF!</definedName>
    <definedName name="物件費０９金額_1">#REF!</definedName>
    <definedName name="物件費０９金額_10" localSheetId="0">#REF!</definedName>
    <definedName name="物件費０９金額_10">#REF!</definedName>
    <definedName name="物件費０９金額_11" localSheetId="0">#REF!</definedName>
    <definedName name="物件費０９金額_11">#REF!</definedName>
    <definedName name="物件費０９金額_12" localSheetId="0">#REF!</definedName>
    <definedName name="物件費０９金額_12">#REF!</definedName>
    <definedName name="物件費０９金額_13" localSheetId="0">#REF!</definedName>
    <definedName name="物件費０９金額_13">#REF!</definedName>
    <definedName name="物件費０９金額_14" localSheetId="0">#REF!</definedName>
    <definedName name="物件費０９金額_14">#REF!</definedName>
    <definedName name="物件費０９金額_15" localSheetId="0">#REF!</definedName>
    <definedName name="物件費０９金額_15">#REF!</definedName>
    <definedName name="物件費０９金額_16" localSheetId="0">#REF!</definedName>
    <definedName name="物件費０９金額_16">#REF!</definedName>
    <definedName name="物件費０９金額_17" localSheetId="0">#REF!</definedName>
    <definedName name="物件費０９金額_17">#REF!</definedName>
    <definedName name="物件費０９金額_18" localSheetId="0">#REF!</definedName>
    <definedName name="物件費０９金額_18">#REF!</definedName>
    <definedName name="物件費０９金額_19" localSheetId="0">#REF!</definedName>
    <definedName name="物件費０９金額_19">#REF!</definedName>
    <definedName name="物件費０９金額_2" localSheetId="0">#REF!</definedName>
    <definedName name="物件費０９金額_2">#REF!</definedName>
    <definedName name="物件費０９金額_20" localSheetId="0">#REF!</definedName>
    <definedName name="物件費０９金額_20">#REF!</definedName>
    <definedName name="物件費０９金額_21" localSheetId="0">#REF!</definedName>
    <definedName name="物件費０９金額_21">#REF!</definedName>
    <definedName name="物件費０９金額_22" localSheetId="0">#REF!</definedName>
    <definedName name="物件費０９金額_22">#REF!</definedName>
    <definedName name="物件費０９金額_23" localSheetId="0">#REF!</definedName>
    <definedName name="物件費０９金額_23">#REF!</definedName>
    <definedName name="物件費０９金額_24" localSheetId="0">#REF!</definedName>
    <definedName name="物件費０９金額_24">#REF!</definedName>
    <definedName name="物件費０９金額_25" localSheetId="0">#REF!</definedName>
    <definedName name="物件費０９金額_25">#REF!</definedName>
    <definedName name="物件費０９金額_26" localSheetId="0">#REF!</definedName>
    <definedName name="物件費０９金額_26">#REF!</definedName>
    <definedName name="物件費０９金額_27" localSheetId="0">#REF!</definedName>
    <definedName name="物件費０９金額_27">#REF!</definedName>
    <definedName name="物件費０９金額_28" localSheetId="0">#REF!</definedName>
    <definedName name="物件費０９金額_28">#REF!</definedName>
    <definedName name="物件費０９金額_29" localSheetId="0">#REF!</definedName>
    <definedName name="物件費０９金額_29">#REF!</definedName>
    <definedName name="物件費０９金額_3" localSheetId="0">#REF!</definedName>
    <definedName name="物件費０９金額_3">#REF!</definedName>
    <definedName name="物件費０９金額_30" localSheetId="0">#REF!</definedName>
    <definedName name="物件費０９金額_30">#REF!</definedName>
    <definedName name="物件費０９金額_31" localSheetId="0">#REF!</definedName>
    <definedName name="物件費０９金額_31">#REF!</definedName>
    <definedName name="物件費０９金額_32" localSheetId="0">#REF!</definedName>
    <definedName name="物件費０９金額_32">#REF!</definedName>
    <definedName name="物件費０９金額_33" localSheetId="0">#REF!</definedName>
    <definedName name="物件費０９金額_33">#REF!</definedName>
    <definedName name="物件費０９金額_34" localSheetId="0">#REF!</definedName>
    <definedName name="物件費０９金額_34">#REF!</definedName>
    <definedName name="物件費０９金額_35" localSheetId="0">#REF!</definedName>
    <definedName name="物件費０９金額_35">#REF!</definedName>
    <definedName name="物件費０９金額_36" localSheetId="0">#REF!</definedName>
    <definedName name="物件費０９金額_36">#REF!</definedName>
    <definedName name="物件費０９金額_37" localSheetId="0">#REF!</definedName>
    <definedName name="物件費０９金額_37">#REF!</definedName>
    <definedName name="物件費０９金額_38" localSheetId="0">#REF!</definedName>
    <definedName name="物件費０９金額_38">#REF!</definedName>
    <definedName name="物件費０９金額_39" localSheetId="0">#REF!</definedName>
    <definedName name="物件費０９金額_39">#REF!</definedName>
    <definedName name="物件費０９金額_4" localSheetId="0">#REF!</definedName>
    <definedName name="物件費０９金額_4">#REF!</definedName>
    <definedName name="物件費０９金額_40" localSheetId="0">#REF!</definedName>
    <definedName name="物件費０９金額_40">#REF!</definedName>
    <definedName name="物件費０９金額_41" localSheetId="0">#REF!</definedName>
    <definedName name="物件費０９金額_41">#REF!</definedName>
    <definedName name="物件費０９金額_42" localSheetId="0">#REF!</definedName>
    <definedName name="物件費０９金額_42">#REF!</definedName>
    <definedName name="物件費０９金額_43" localSheetId="0">#REF!</definedName>
    <definedName name="物件費０９金額_43">#REF!</definedName>
    <definedName name="物件費０９金額_44" localSheetId="0">#REF!</definedName>
    <definedName name="物件費０９金額_44">#REF!</definedName>
    <definedName name="物件費０９金額_45" localSheetId="0">#REF!</definedName>
    <definedName name="物件費０９金額_45">#REF!</definedName>
    <definedName name="物件費０９金額_46" localSheetId="0">#REF!</definedName>
    <definedName name="物件費０９金額_46">#REF!</definedName>
    <definedName name="物件費０９金額_5" localSheetId="0">#REF!</definedName>
    <definedName name="物件費０９金額_5">#REF!</definedName>
    <definedName name="物件費０９金額_6" localSheetId="0">#REF!</definedName>
    <definedName name="物件費０９金額_6">#REF!</definedName>
    <definedName name="物件費０９金額_7" localSheetId="0">#REF!</definedName>
    <definedName name="物件費０９金額_7">#REF!</definedName>
    <definedName name="物件費０９金額_8" localSheetId="0">#REF!</definedName>
    <definedName name="物件費０９金額_8">#REF!</definedName>
    <definedName name="物件費０９金額_9" localSheetId="0">#REF!</definedName>
    <definedName name="物件費０９金額_9">#REF!</definedName>
    <definedName name="物件費０９税額_1" localSheetId="0">#REF!</definedName>
    <definedName name="物件費０９税額_1">#REF!</definedName>
    <definedName name="物件費０９税額_10" localSheetId="0">#REF!</definedName>
    <definedName name="物件費０９税額_10">#REF!</definedName>
    <definedName name="物件費０９税額_11" localSheetId="0">#REF!</definedName>
    <definedName name="物件費０９税額_11">#REF!</definedName>
    <definedName name="物件費０９税額_12" localSheetId="0">#REF!</definedName>
    <definedName name="物件費０９税額_12">#REF!</definedName>
    <definedName name="物件費０９税額_13" localSheetId="0">#REF!</definedName>
    <definedName name="物件費０９税額_13">#REF!</definedName>
    <definedName name="物件費０９税額_14" localSheetId="0">#REF!</definedName>
    <definedName name="物件費０９税額_14">#REF!</definedName>
    <definedName name="物件費０９税額_15" localSheetId="0">#REF!</definedName>
    <definedName name="物件費０９税額_15">#REF!</definedName>
    <definedName name="物件費０９税額_16" localSheetId="0">#REF!</definedName>
    <definedName name="物件費０９税額_16">#REF!</definedName>
    <definedName name="物件費０９税額_17" localSheetId="0">#REF!</definedName>
    <definedName name="物件費０９税額_17">#REF!</definedName>
    <definedName name="物件費０９税額_18" localSheetId="0">#REF!</definedName>
    <definedName name="物件費０９税額_18">#REF!</definedName>
    <definedName name="物件費０９税額_19" localSheetId="0">#REF!</definedName>
    <definedName name="物件費０９税額_19">#REF!</definedName>
    <definedName name="物件費０９税額_2" localSheetId="0">#REF!</definedName>
    <definedName name="物件費０９税額_2">#REF!</definedName>
    <definedName name="物件費０９税額_20" localSheetId="0">#REF!</definedName>
    <definedName name="物件費０９税額_20">#REF!</definedName>
    <definedName name="物件費０９税額_21" localSheetId="0">#REF!</definedName>
    <definedName name="物件費０９税額_21">#REF!</definedName>
    <definedName name="物件費０９税額_22" localSheetId="0">#REF!</definedName>
    <definedName name="物件費０９税額_22">#REF!</definedName>
    <definedName name="物件費０９税額_23" localSheetId="0">#REF!</definedName>
    <definedName name="物件費０９税額_23">#REF!</definedName>
    <definedName name="物件費０９税額_24" localSheetId="0">#REF!</definedName>
    <definedName name="物件費０９税額_24">#REF!</definedName>
    <definedName name="物件費０９税額_25" localSheetId="0">#REF!</definedName>
    <definedName name="物件費０９税額_25">#REF!</definedName>
    <definedName name="物件費０９税額_26" localSheetId="0">#REF!</definedName>
    <definedName name="物件費０９税額_26">#REF!</definedName>
    <definedName name="物件費０９税額_27" localSheetId="0">#REF!</definedName>
    <definedName name="物件費０９税額_27">#REF!</definedName>
    <definedName name="物件費０９税額_28" localSheetId="0">#REF!</definedName>
    <definedName name="物件費０９税額_28">#REF!</definedName>
    <definedName name="物件費０９税額_29" localSheetId="0">#REF!</definedName>
    <definedName name="物件費０９税額_29">#REF!</definedName>
    <definedName name="物件費０９税額_3" localSheetId="0">#REF!</definedName>
    <definedName name="物件費０９税額_3">#REF!</definedName>
    <definedName name="物件費０９税額_30" localSheetId="0">#REF!</definedName>
    <definedName name="物件費０９税額_30">#REF!</definedName>
    <definedName name="物件費０９税額_31" localSheetId="0">#REF!</definedName>
    <definedName name="物件費０９税額_31">#REF!</definedName>
    <definedName name="物件費０９税額_32" localSheetId="0">#REF!</definedName>
    <definedName name="物件費０９税額_32">#REF!</definedName>
    <definedName name="物件費０９税額_33" localSheetId="0">#REF!</definedName>
    <definedName name="物件費０９税額_33">#REF!</definedName>
    <definedName name="物件費０９税額_34" localSheetId="0">#REF!</definedName>
    <definedName name="物件費０９税額_34">#REF!</definedName>
    <definedName name="物件費０９税額_35" localSheetId="0">#REF!</definedName>
    <definedName name="物件費０９税額_35">#REF!</definedName>
    <definedName name="物件費０９税額_36" localSheetId="0">#REF!</definedName>
    <definedName name="物件費０９税額_36">#REF!</definedName>
    <definedName name="物件費０９税額_37" localSheetId="0">#REF!</definedName>
    <definedName name="物件費０９税額_37">#REF!</definedName>
    <definedName name="物件費０９税額_38" localSheetId="0">#REF!</definedName>
    <definedName name="物件費０９税額_38">#REF!</definedName>
    <definedName name="物件費０９税額_39" localSheetId="0">#REF!</definedName>
    <definedName name="物件費０９税額_39">#REF!</definedName>
    <definedName name="物件費０９税額_4" localSheetId="0">#REF!</definedName>
    <definedName name="物件費０９税額_4">#REF!</definedName>
    <definedName name="物件費０９税額_40" localSheetId="0">#REF!</definedName>
    <definedName name="物件費０９税額_40">#REF!</definedName>
    <definedName name="物件費０９税額_41" localSheetId="0">#REF!</definedName>
    <definedName name="物件費０９税額_41">#REF!</definedName>
    <definedName name="物件費０９税額_42" localSheetId="0">#REF!</definedName>
    <definedName name="物件費０９税額_42">#REF!</definedName>
    <definedName name="物件費０９税額_43" localSheetId="0">#REF!</definedName>
    <definedName name="物件費０９税額_43">#REF!</definedName>
    <definedName name="物件費０９税額_44" localSheetId="0">#REF!</definedName>
    <definedName name="物件費０９税額_44">#REF!</definedName>
    <definedName name="物件費０９税額_45" localSheetId="0">#REF!</definedName>
    <definedName name="物件費０９税額_45">#REF!</definedName>
    <definedName name="物件費０９税額_46" localSheetId="0">#REF!</definedName>
    <definedName name="物件費０９税額_46">#REF!</definedName>
    <definedName name="物件費０９税額_5" localSheetId="0">#REF!</definedName>
    <definedName name="物件費０９税額_5">#REF!</definedName>
    <definedName name="物件費０９税額_6" localSheetId="0">#REF!</definedName>
    <definedName name="物件費０９税額_6">#REF!</definedName>
    <definedName name="物件費０９税額_7" localSheetId="0">#REF!</definedName>
    <definedName name="物件費０９税額_7">#REF!</definedName>
    <definedName name="物件費０９税額_8" localSheetId="0">#REF!</definedName>
    <definedName name="物件費０９税額_8">#REF!</definedName>
    <definedName name="物件費０９税額_9" localSheetId="0">#REF!</definedName>
    <definedName name="物件費０９税額_9">#REF!</definedName>
    <definedName name="物件費１０金額_1" localSheetId="0">#REF!</definedName>
    <definedName name="物件費１０金額_1">#REF!</definedName>
    <definedName name="物件費１０金額_10" localSheetId="0">#REF!</definedName>
    <definedName name="物件費１０金額_10">#REF!</definedName>
    <definedName name="物件費１０金額_11" localSheetId="0">#REF!</definedName>
    <definedName name="物件費１０金額_11">#REF!</definedName>
    <definedName name="物件費１０金額_12" localSheetId="0">#REF!</definedName>
    <definedName name="物件費１０金額_12">#REF!</definedName>
    <definedName name="物件費１０金額_13" localSheetId="0">#REF!</definedName>
    <definedName name="物件費１０金額_13">#REF!</definedName>
    <definedName name="物件費１０金額_14" localSheetId="0">#REF!</definedName>
    <definedName name="物件費１０金額_14">#REF!</definedName>
    <definedName name="物件費１０金額_15" localSheetId="0">#REF!</definedName>
    <definedName name="物件費１０金額_15">#REF!</definedName>
    <definedName name="物件費１０金額_16" localSheetId="0">#REF!</definedName>
    <definedName name="物件費１０金額_16">#REF!</definedName>
    <definedName name="物件費１０金額_17" localSheetId="0">#REF!</definedName>
    <definedName name="物件費１０金額_17">#REF!</definedName>
    <definedName name="物件費１０金額_18" localSheetId="0">#REF!</definedName>
    <definedName name="物件費１０金額_18">#REF!</definedName>
    <definedName name="物件費１０金額_19" localSheetId="0">#REF!</definedName>
    <definedName name="物件費１０金額_19">#REF!</definedName>
    <definedName name="物件費１０金額_2" localSheetId="0">#REF!</definedName>
    <definedName name="物件費１０金額_2">#REF!</definedName>
    <definedName name="物件費１０金額_20" localSheetId="0">#REF!</definedName>
    <definedName name="物件費１０金額_20">#REF!</definedName>
    <definedName name="物件費１０金額_21" localSheetId="0">#REF!</definedName>
    <definedName name="物件費１０金額_21">#REF!</definedName>
    <definedName name="物件費１０金額_22" localSheetId="0">#REF!</definedName>
    <definedName name="物件費１０金額_22">#REF!</definedName>
    <definedName name="物件費１０金額_23" localSheetId="0">#REF!</definedName>
    <definedName name="物件費１０金額_23">#REF!</definedName>
    <definedName name="物件費１０金額_24" localSheetId="0">#REF!</definedName>
    <definedName name="物件費１０金額_24">#REF!</definedName>
    <definedName name="物件費１０金額_25" localSheetId="0">#REF!</definedName>
    <definedName name="物件費１０金額_25">#REF!</definedName>
    <definedName name="物件費１０金額_26" localSheetId="0">#REF!</definedName>
    <definedName name="物件費１０金額_26">#REF!</definedName>
    <definedName name="物件費１０金額_27" localSheetId="0">#REF!</definedName>
    <definedName name="物件費１０金額_27">#REF!</definedName>
    <definedName name="物件費１０金額_28" localSheetId="0">#REF!</definedName>
    <definedName name="物件費１０金額_28">#REF!</definedName>
    <definedName name="物件費１０金額_29" localSheetId="0">#REF!</definedName>
    <definedName name="物件費１０金額_29">#REF!</definedName>
    <definedName name="物件費１０金額_3" localSheetId="0">#REF!</definedName>
    <definedName name="物件費１０金額_3">#REF!</definedName>
    <definedName name="物件費１０金額_30" localSheetId="0">#REF!</definedName>
    <definedName name="物件費１０金額_30">#REF!</definedName>
    <definedName name="物件費１０金額_31" localSheetId="0">#REF!</definedName>
    <definedName name="物件費１０金額_31">#REF!</definedName>
    <definedName name="物件費１０金額_32" localSheetId="0">#REF!</definedName>
    <definedName name="物件費１０金額_32">#REF!</definedName>
    <definedName name="物件費１０金額_33" localSheetId="0">#REF!</definedName>
    <definedName name="物件費１０金額_33">#REF!</definedName>
    <definedName name="物件費１０金額_34" localSheetId="0">#REF!</definedName>
    <definedName name="物件費１０金額_34">#REF!</definedName>
    <definedName name="物件費１０金額_35" localSheetId="0">#REF!</definedName>
    <definedName name="物件費１０金額_35">#REF!</definedName>
    <definedName name="物件費１０金額_36" localSheetId="0">#REF!</definedName>
    <definedName name="物件費１０金額_36">#REF!</definedName>
    <definedName name="物件費１０金額_37" localSheetId="0">#REF!</definedName>
    <definedName name="物件費１０金額_37">#REF!</definedName>
    <definedName name="物件費１０金額_38" localSheetId="0">#REF!</definedName>
    <definedName name="物件費１０金額_38">#REF!</definedName>
    <definedName name="物件費１０金額_39" localSheetId="0">#REF!</definedName>
    <definedName name="物件費１０金額_39">#REF!</definedName>
    <definedName name="物件費１０金額_4" localSheetId="0">#REF!</definedName>
    <definedName name="物件費１０金額_4">#REF!</definedName>
    <definedName name="物件費１０金額_40" localSheetId="0">#REF!</definedName>
    <definedName name="物件費１０金額_40">#REF!</definedName>
    <definedName name="物件費１０金額_41" localSheetId="0">#REF!</definedName>
    <definedName name="物件費１０金額_41">#REF!</definedName>
    <definedName name="物件費１０金額_42" localSheetId="0">#REF!</definedName>
    <definedName name="物件費１０金額_42">#REF!</definedName>
    <definedName name="物件費１０金額_43" localSheetId="0">#REF!</definedName>
    <definedName name="物件費１０金額_43">#REF!</definedName>
    <definedName name="物件費１０金額_44" localSheetId="0">#REF!</definedName>
    <definedName name="物件費１０金額_44">#REF!</definedName>
    <definedName name="物件費１０金額_45" localSheetId="0">#REF!</definedName>
    <definedName name="物件費１０金額_45">#REF!</definedName>
    <definedName name="物件費１０金額_46" localSheetId="0">#REF!</definedName>
    <definedName name="物件費１０金額_46">#REF!</definedName>
    <definedName name="物件費１０金額_5" localSheetId="0">#REF!</definedName>
    <definedName name="物件費１０金額_5">#REF!</definedName>
    <definedName name="物件費１０金額_6" localSheetId="0">#REF!</definedName>
    <definedName name="物件費１０金額_6">#REF!</definedName>
    <definedName name="物件費１０金額_7" localSheetId="0">#REF!</definedName>
    <definedName name="物件費１０金額_7">#REF!</definedName>
    <definedName name="物件費１０金額_8" localSheetId="0">#REF!</definedName>
    <definedName name="物件費１０金額_8">#REF!</definedName>
    <definedName name="物件費１０金額_9" localSheetId="0">#REF!</definedName>
    <definedName name="物件費１０金額_9">#REF!</definedName>
    <definedName name="物件費１０税額_1" localSheetId="0">#REF!</definedName>
    <definedName name="物件費１０税額_1">#REF!</definedName>
    <definedName name="物件費１０税額_10" localSheetId="0">#REF!</definedName>
    <definedName name="物件費１０税額_10">#REF!</definedName>
    <definedName name="物件費１０税額_11" localSheetId="0">#REF!</definedName>
    <definedName name="物件費１０税額_11">#REF!</definedName>
    <definedName name="物件費１０税額_12" localSheetId="0">#REF!</definedName>
    <definedName name="物件費１０税額_12">#REF!</definedName>
    <definedName name="物件費１０税額_13" localSheetId="0">#REF!</definedName>
    <definedName name="物件費１０税額_13">#REF!</definedName>
    <definedName name="物件費１０税額_14" localSheetId="0">#REF!</definedName>
    <definedName name="物件費１０税額_14">#REF!</definedName>
    <definedName name="物件費１０税額_15" localSheetId="0">#REF!</definedName>
    <definedName name="物件費１０税額_15">#REF!</definedName>
    <definedName name="物件費１０税額_16" localSheetId="0">#REF!</definedName>
    <definedName name="物件費１０税額_16">#REF!</definedName>
    <definedName name="物件費１０税額_17" localSheetId="0">#REF!</definedName>
    <definedName name="物件費１０税額_17">#REF!</definedName>
    <definedName name="物件費１０税額_18" localSheetId="0">#REF!</definedName>
    <definedName name="物件費１０税額_18">#REF!</definedName>
    <definedName name="物件費１０税額_19" localSheetId="0">#REF!</definedName>
    <definedName name="物件費１０税額_19">#REF!</definedName>
    <definedName name="物件費１０税額_2" localSheetId="0">#REF!</definedName>
    <definedName name="物件費１０税額_2">#REF!</definedName>
    <definedName name="物件費１０税額_20" localSheetId="0">#REF!</definedName>
    <definedName name="物件費１０税額_20">#REF!</definedName>
    <definedName name="物件費１０税額_21" localSheetId="0">#REF!</definedName>
    <definedName name="物件費１０税額_21">#REF!</definedName>
    <definedName name="物件費１０税額_22" localSheetId="0">#REF!</definedName>
    <definedName name="物件費１０税額_22">#REF!</definedName>
    <definedName name="物件費１０税額_23" localSheetId="0">#REF!</definedName>
    <definedName name="物件費１０税額_23">#REF!</definedName>
    <definedName name="物件費１０税額_24" localSheetId="0">#REF!</definedName>
    <definedName name="物件費１０税額_24">#REF!</definedName>
    <definedName name="物件費１０税額_25" localSheetId="0">#REF!</definedName>
    <definedName name="物件費１０税額_25">#REF!</definedName>
    <definedName name="物件費１０税額_26" localSheetId="0">#REF!</definedName>
    <definedName name="物件費１０税額_26">#REF!</definedName>
    <definedName name="物件費１０税額_27" localSheetId="0">#REF!</definedName>
    <definedName name="物件費１０税額_27">#REF!</definedName>
    <definedName name="物件費１０税額_28" localSheetId="0">#REF!</definedName>
    <definedName name="物件費１０税額_28">#REF!</definedName>
    <definedName name="物件費１０税額_29" localSheetId="0">#REF!</definedName>
    <definedName name="物件費１０税額_29">#REF!</definedName>
    <definedName name="物件費１０税額_3" localSheetId="0">#REF!</definedName>
    <definedName name="物件費１０税額_3">#REF!</definedName>
    <definedName name="物件費１０税額_30" localSheetId="0">#REF!</definedName>
    <definedName name="物件費１０税額_30">#REF!</definedName>
    <definedName name="物件費１０税額_31" localSheetId="0">#REF!</definedName>
    <definedName name="物件費１０税額_31">#REF!</definedName>
    <definedName name="物件費１０税額_32" localSheetId="0">#REF!</definedName>
    <definedName name="物件費１０税額_32">#REF!</definedName>
    <definedName name="物件費１０税額_33" localSheetId="0">#REF!</definedName>
    <definedName name="物件費１０税額_33">#REF!</definedName>
    <definedName name="物件費１０税額_34" localSheetId="0">#REF!</definedName>
    <definedName name="物件費１０税額_34">#REF!</definedName>
    <definedName name="物件費１０税額_35" localSheetId="0">#REF!</definedName>
    <definedName name="物件費１０税額_35">#REF!</definedName>
    <definedName name="物件費１０税額_36" localSheetId="0">#REF!</definedName>
    <definedName name="物件費１０税額_36">#REF!</definedName>
    <definedName name="物件費１０税額_37" localSheetId="0">#REF!</definedName>
    <definedName name="物件費１０税額_37">#REF!</definedName>
    <definedName name="物件費１０税額_38" localSheetId="0">#REF!</definedName>
    <definedName name="物件費１０税額_38">#REF!</definedName>
    <definedName name="物件費１０税額_39" localSheetId="0">#REF!</definedName>
    <definedName name="物件費１０税額_39">#REF!</definedName>
    <definedName name="物件費１０税額_4" localSheetId="0">#REF!</definedName>
    <definedName name="物件費１０税額_4">#REF!</definedName>
    <definedName name="物件費１０税額_40" localSheetId="0">#REF!</definedName>
    <definedName name="物件費１０税額_40">#REF!</definedName>
    <definedName name="物件費１０税額_41" localSheetId="0">#REF!</definedName>
    <definedName name="物件費１０税額_41">#REF!</definedName>
    <definedName name="物件費１０税額_42" localSheetId="0">#REF!</definedName>
    <definedName name="物件費１０税額_42">#REF!</definedName>
    <definedName name="物件費１０税額_43" localSheetId="0">#REF!</definedName>
    <definedName name="物件費１０税額_43">#REF!</definedName>
    <definedName name="物件費１０税額_44" localSheetId="0">#REF!</definedName>
    <definedName name="物件費１０税額_44">#REF!</definedName>
    <definedName name="物件費１０税額_45" localSheetId="0">#REF!</definedName>
    <definedName name="物件費１０税額_45">#REF!</definedName>
    <definedName name="物件費１０税額_46" localSheetId="0">#REF!</definedName>
    <definedName name="物件費１０税額_46">#REF!</definedName>
    <definedName name="物件費１０税額_5" localSheetId="0">#REF!</definedName>
    <definedName name="物件費１０税額_5">#REF!</definedName>
    <definedName name="物件費１０税額_6" localSheetId="0">#REF!</definedName>
    <definedName name="物件費１０税額_6">#REF!</definedName>
    <definedName name="物件費１０税額_7" localSheetId="0">#REF!</definedName>
    <definedName name="物件費１０税額_7">#REF!</definedName>
    <definedName name="物件費１０税額_8" localSheetId="0">#REF!</definedName>
    <definedName name="物件費１０税額_8">#REF!</definedName>
    <definedName name="物件費１０税額_9" localSheetId="0">#REF!</definedName>
    <definedName name="物件費１０税額_9">#REF!</definedName>
    <definedName name="物件費左記以外金額_1" localSheetId="0">#REF!</definedName>
    <definedName name="物件費左記以外金額_1">#REF!</definedName>
    <definedName name="物件費左記以外金額_10" localSheetId="0">#REF!</definedName>
    <definedName name="物件費左記以外金額_10">#REF!</definedName>
    <definedName name="物件費左記以外金額_11" localSheetId="0">#REF!</definedName>
    <definedName name="物件費左記以外金額_11">#REF!</definedName>
    <definedName name="物件費左記以外金額_12" localSheetId="0">#REF!</definedName>
    <definedName name="物件費左記以外金額_12">#REF!</definedName>
    <definedName name="物件費左記以外金額_13" localSheetId="0">#REF!</definedName>
    <definedName name="物件費左記以外金額_13">#REF!</definedName>
    <definedName name="物件費左記以外金額_14" localSheetId="0">#REF!</definedName>
    <definedName name="物件費左記以外金額_14">#REF!</definedName>
    <definedName name="物件費左記以外金額_15" localSheetId="0">#REF!</definedName>
    <definedName name="物件費左記以外金額_15">#REF!</definedName>
    <definedName name="物件費左記以外金額_16" localSheetId="0">#REF!</definedName>
    <definedName name="物件費左記以外金額_16">#REF!</definedName>
    <definedName name="物件費左記以外金額_17" localSheetId="0">#REF!</definedName>
    <definedName name="物件費左記以外金額_17">#REF!</definedName>
    <definedName name="物件費左記以外金額_18" localSheetId="0">#REF!</definedName>
    <definedName name="物件費左記以外金額_18">#REF!</definedName>
    <definedName name="物件費左記以外金額_19" localSheetId="0">#REF!</definedName>
    <definedName name="物件費左記以外金額_19">#REF!</definedName>
    <definedName name="物件費左記以外金額_2" localSheetId="0">#REF!</definedName>
    <definedName name="物件費左記以外金額_2">#REF!</definedName>
    <definedName name="物件費左記以外金額_20" localSheetId="0">#REF!</definedName>
    <definedName name="物件費左記以外金額_20">#REF!</definedName>
    <definedName name="物件費左記以外金額_21" localSheetId="0">#REF!</definedName>
    <definedName name="物件費左記以外金額_21">#REF!</definedName>
    <definedName name="物件費左記以外金額_22" localSheetId="0">#REF!</definedName>
    <definedName name="物件費左記以外金額_22">#REF!</definedName>
    <definedName name="物件費左記以外金額_23" localSheetId="0">#REF!</definedName>
    <definedName name="物件費左記以外金額_23">#REF!</definedName>
    <definedName name="物件費左記以外金額_24" localSheetId="0">#REF!</definedName>
    <definedName name="物件費左記以外金額_24">#REF!</definedName>
    <definedName name="物件費左記以外金額_25" localSheetId="0">#REF!</definedName>
    <definedName name="物件費左記以外金額_25">#REF!</definedName>
    <definedName name="物件費左記以外金額_26" localSheetId="0">#REF!</definedName>
    <definedName name="物件費左記以外金額_26">#REF!</definedName>
    <definedName name="物件費左記以外金額_27" localSheetId="0">#REF!</definedName>
    <definedName name="物件費左記以外金額_27">#REF!</definedName>
    <definedName name="物件費左記以外金額_28" localSheetId="0">#REF!</definedName>
    <definedName name="物件費左記以外金額_28">#REF!</definedName>
    <definedName name="物件費左記以外金額_29" localSheetId="0">#REF!</definedName>
    <definedName name="物件費左記以外金額_29">#REF!</definedName>
    <definedName name="物件費左記以外金額_3" localSheetId="0">#REF!</definedName>
    <definedName name="物件費左記以外金額_3">#REF!</definedName>
    <definedName name="物件費左記以外金額_30" localSheetId="0">#REF!</definedName>
    <definedName name="物件費左記以外金額_30">#REF!</definedName>
    <definedName name="物件費左記以外金額_31" localSheetId="0">#REF!</definedName>
    <definedName name="物件費左記以外金額_31">#REF!</definedName>
    <definedName name="物件費左記以外金額_32" localSheetId="0">#REF!</definedName>
    <definedName name="物件費左記以外金額_32">#REF!</definedName>
    <definedName name="物件費左記以外金額_33" localSheetId="0">#REF!</definedName>
    <definedName name="物件費左記以外金額_33">#REF!</definedName>
    <definedName name="物件費左記以外金額_34" localSheetId="0">#REF!</definedName>
    <definedName name="物件費左記以外金額_34">#REF!</definedName>
    <definedName name="物件費左記以外金額_35" localSheetId="0">#REF!</definedName>
    <definedName name="物件費左記以外金額_35">#REF!</definedName>
    <definedName name="物件費左記以外金額_36" localSheetId="0">#REF!</definedName>
    <definedName name="物件費左記以外金額_36">#REF!</definedName>
    <definedName name="物件費左記以外金額_37" localSheetId="0">#REF!</definedName>
    <definedName name="物件費左記以外金額_37">#REF!</definedName>
    <definedName name="物件費左記以外金額_38" localSheetId="0">#REF!</definedName>
    <definedName name="物件費左記以外金額_38">#REF!</definedName>
    <definedName name="物件費左記以外金額_39" localSheetId="0">#REF!</definedName>
    <definedName name="物件費左記以外金額_39">#REF!</definedName>
    <definedName name="物件費左記以外金額_4" localSheetId="0">#REF!</definedName>
    <definedName name="物件費左記以外金額_4">#REF!</definedName>
    <definedName name="物件費左記以外金額_40" localSheetId="0">#REF!</definedName>
    <definedName name="物件費左記以外金額_40">#REF!</definedName>
    <definedName name="物件費左記以外金額_41" localSheetId="0">#REF!</definedName>
    <definedName name="物件費左記以外金額_41">#REF!</definedName>
    <definedName name="物件費左記以外金額_42" localSheetId="0">#REF!</definedName>
    <definedName name="物件費左記以外金額_42">#REF!</definedName>
    <definedName name="物件費左記以外金額_43" localSheetId="0">#REF!</definedName>
    <definedName name="物件費左記以外金額_43">#REF!</definedName>
    <definedName name="物件費左記以外金額_44" localSheetId="0">#REF!</definedName>
    <definedName name="物件費左記以外金額_44">#REF!</definedName>
    <definedName name="物件費左記以外金額_45" localSheetId="0">#REF!</definedName>
    <definedName name="物件費左記以外金額_45">#REF!</definedName>
    <definedName name="物件費左記以外金額_46" localSheetId="0">#REF!</definedName>
    <definedName name="物件費左記以外金額_46">#REF!</definedName>
    <definedName name="物件費左記以外金額_5" localSheetId="0">#REF!</definedName>
    <definedName name="物件費左記以外金額_5">#REF!</definedName>
    <definedName name="物件費左記以外金額_6" localSheetId="0">#REF!</definedName>
    <definedName name="物件費左記以外金額_6">#REF!</definedName>
    <definedName name="物件費左記以外金額_7" localSheetId="0">#REF!</definedName>
    <definedName name="物件費左記以外金額_7">#REF!</definedName>
    <definedName name="物件費左記以外金額_8" localSheetId="0">#REF!</definedName>
    <definedName name="物件費左記以外金額_8">#REF!</definedName>
    <definedName name="物件費左記以外金額_9" localSheetId="0">#REF!</definedName>
    <definedName name="物件費左記以外金額_9">#REF!</definedName>
    <definedName name="物件費左記以外税額_1" localSheetId="0">#REF!</definedName>
    <definedName name="物件費左記以外税額_1">#REF!</definedName>
    <definedName name="物件費左記以外税額_10" localSheetId="0">#REF!</definedName>
    <definedName name="物件費左記以外税額_10">#REF!</definedName>
    <definedName name="物件費左記以外税額_11" localSheetId="0">#REF!</definedName>
    <definedName name="物件費左記以外税額_11">#REF!</definedName>
    <definedName name="物件費左記以外税額_12" localSheetId="0">#REF!</definedName>
    <definedName name="物件費左記以外税額_12">#REF!</definedName>
    <definedName name="物件費左記以外税額_13" localSheetId="0">#REF!</definedName>
    <definedName name="物件費左記以外税額_13">#REF!</definedName>
    <definedName name="物件費左記以外税額_14" localSheetId="0">#REF!</definedName>
    <definedName name="物件費左記以外税額_14">#REF!</definedName>
    <definedName name="物件費左記以外税額_15" localSheetId="0">#REF!</definedName>
    <definedName name="物件費左記以外税額_15">#REF!</definedName>
    <definedName name="物件費左記以外税額_16" localSheetId="0">#REF!</definedName>
    <definedName name="物件費左記以外税額_16">#REF!</definedName>
    <definedName name="物件費左記以外税額_17" localSheetId="0">#REF!</definedName>
    <definedName name="物件費左記以外税額_17">#REF!</definedName>
    <definedName name="物件費左記以外税額_18" localSheetId="0">#REF!</definedName>
    <definedName name="物件費左記以外税額_18">#REF!</definedName>
    <definedName name="物件費左記以外税額_19" localSheetId="0">#REF!</definedName>
    <definedName name="物件費左記以外税額_19">#REF!</definedName>
    <definedName name="物件費左記以外税額_2" localSheetId="0">#REF!</definedName>
    <definedName name="物件費左記以外税額_2">#REF!</definedName>
    <definedName name="物件費左記以外税額_20" localSheetId="0">#REF!</definedName>
    <definedName name="物件費左記以外税額_20">#REF!</definedName>
    <definedName name="物件費左記以外税額_21" localSheetId="0">#REF!</definedName>
    <definedName name="物件費左記以外税額_21">#REF!</definedName>
    <definedName name="物件費左記以外税額_22" localSheetId="0">#REF!</definedName>
    <definedName name="物件費左記以外税額_22">#REF!</definedName>
    <definedName name="物件費左記以外税額_23" localSheetId="0">#REF!</definedName>
    <definedName name="物件費左記以外税額_23">#REF!</definedName>
    <definedName name="物件費左記以外税額_24" localSheetId="0">#REF!</definedName>
    <definedName name="物件費左記以外税額_24">#REF!</definedName>
    <definedName name="物件費左記以外税額_25" localSheetId="0">#REF!</definedName>
    <definedName name="物件費左記以外税額_25">#REF!</definedName>
    <definedName name="物件費左記以外税額_26" localSheetId="0">#REF!</definedName>
    <definedName name="物件費左記以外税額_26">#REF!</definedName>
    <definedName name="物件費左記以外税額_27" localSheetId="0">#REF!</definedName>
    <definedName name="物件費左記以外税額_27">#REF!</definedName>
    <definedName name="物件費左記以外税額_28" localSheetId="0">#REF!</definedName>
    <definedName name="物件費左記以外税額_28">#REF!</definedName>
    <definedName name="物件費左記以外税額_29" localSheetId="0">#REF!</definedName>
    <definedName name="物件費左記以外税額_29">#REF!</definedName>
    <definedName name="物件費左記以外税額_3" localSheetId="0">#REF!</definedName>
    <definedName name="物件費左記以外税額_3">#REF!</definedName>
    <definedName name="物件費左記以外税額_30" localSheetId="0">#REF!</definedName>
    <definedName name="物件費左記以外税額_30">#REF!</definedName>
    <definedName name="物件費左記以外税額_31" localSheetId="0">#REF!</definedName>
    <definedName name="物件費左記以外税額_31">#REF!</definedName>
    <definedName name="物件費左記以外税額_32" localSheetId="0">#REF!</definedName>
    <definedName name="物件費左記以外税額_32">#REF!</definedName>
    <definedName name="物件費左記以外税額_33" localSheetId="0">#REF!</definedName>
    <definedName name="物件費左記以外税額_33">#REF!</definedName>
    <definedName name="物件費左記以外税額_34" localSheetId="0">#REF!</definedName>
    <definedName name="物件費左記以外税額_34">#REF!</definedName>
    <definedName name="物件費左記以外税額_35" localSheetId="0">#REF!</definedName>
    <definedName name="物件費左記以外税額_35">#REF!</definedName>
    <definedName name="物件費左記以外税額_36" localSheetId="0">#REF!</definedName>
    <definedName name="物件費左記以外税額_36">#REF!</definedName>
    <definedName name="物件費左記以外税額_37" localSheetId="0">#REF!</definedName>
    <definedName name="物件費左記以外税額_37">#REF!</definedName>
    <definedName name="物件費左記以外税額_38" localSheetId="0">#REF!</definedName>
    <definedName name="物件費左記以外税額_38">#REF!</definedName>
    <definedName name="物件費左記以外税額_39" localSheetId="0">#REF!</definedName>
    <definedName name="物件費左記以外税額_39">#REF!</definedName>
    <definedName name="物件費左記以外税額_4" localSheetId="0">#REF!</definedName>
    <definedName name="物件費左記以外税額_4">#REF!</definedName>
    <definedName name="物件費左記以外税額_40" localSheetId="0">#REF!</definedName>
    <definedName name="物件費左記以外税額_40">#REF!</definedName>
    <definedName name="物件費左記以外税額_41" localSheetId="0">#REF!</definedName>
    <definedName name="物件費左記以外税額_41">#REF!</definedName>
    <definedName name="物件費左記以外税額_42" localSheetId="0">#REF!</definedName>
    <definedName name="物件費左記以外税額_42">#REF!</definedName>
    <definedName name="物件費左記以外税額_43" localSheetId="0">#REF!</definedName>
    <definedName name="物件費左記以外税額_43">#REF!</definedName>
    <definedName name="物件費左記以外税額_44" localSheetId="0">#REF!</definedName>
    <definedName name="物件費左記以外税額_44">#REF!</definedName>
    <definedName name="物件費左記以外税額_45" localSheetId="0">#REF!</definedName>
    <definedName name="物件費左記以外税額_45">#REF!</definedName>
    <definedName name="物件費左記以外税額_46" localSheetId="0">#REF!</definedName>
    <definedName name="物件費左記以外税額_46">#REF!</definedName>
    <definedName name="物件費左記以外税額_5" localSheetId="0">#REF!</definedName>
    <definedName name="物件費左記以外税額_5">#REF!</definedName>
    <definedName name="物件費左記以外税額_6" localSheetId="0">#REF!</definedName>
    <definedName name="物件費左記以外税額_6">#REF!</definedName>
    <definedName name="物件費左記以外税額_7" localSheetId="0">#REF!</definedName>
    <definedName name="物件費左記以外税額_7">#REF!</definedName>
    <definedName name="物件費左記以外税額_8" localSheetId="0">#REF!</definedName>
    <definedName name="物件費左記以外税額_8">#REF!</definedName>
    <definedName name="物件費左記以外税額_9" localSheetId="0">#REF!</definedName>
    <definedName name="物件費左記以外税額_9">#REF!</definedName>
    <definedName name="物件費名称_1" localSheetId="0">#REF!</definedName>
    <definedName name="物件費名称_1">#REF!</definedName>
    <definedName name="物件費名称_10" localSheetId="0">#REF!</definedName>
    <definedName name="物件費名称_10">#REF!</definedName>
    <definedName name="物件費名称_11" localSheetId="0">#REF!</definedName>
    <definedName name="物件費名称_11">#REF!</definedName>
    <definedName name="物件費名称_12" localSheetId="0">#REF!</definedName>
    <definedName name="物件費名称_12">#REF!</definedName>
    <definedName name="物件費名称_13" localSheetId="0">#REF!</definedName>
    <definedName name="物件費名称_13">#REF!</definedName>
    <definedName name="物件費名称_14" localSheetId="0">#REF!</definedName>
    <definedName name="物件費名称_14">#REF!</definedName>
    <definedName name="物件費名称_15" localSheetId="0">#REF!</definedName>
    <definedName name="物件費名称_15">#REF!</definedName>
    <definedName name="物件費名称_16" localSheetId="0">#REF!</definedName>
    <definedName name="物件費名称_16">#REF!</definedName>
    <definedName name="物件費名称_17" localSheetId="0">#REF!</definedName>
    <definedName name="物件費名称_17">#REF!</definedName>
    <definedName name="物件費名称_18" localSheetId="0">#REF!</definedName>
    <definedName name="物件費名称_18">#REF!</definedName>
    <definedName name="物件費名称_19" localSheetId="0">#REF!</definedName>
    <definedName name="物件費名称_19">#REF!</definedName>
    <definedName name="物件費名称_2" localSheetId="0">#REF!</definedName>
    <definedName name="物件費名称_2">#REF!</definedName>
    <definedName name="物件費名称_20" localSheetId="0">#REF!</definedName>
    <definedName name="物件費名称_20">#REF!</definedName>
    <definedName name="物件費名称_21" localSheetId="0">#REF!</definedName>
    <definedName name="物件費名称_21">#REF!</definedName>
    <definedName name="物件費名称_22" localSheetId="0">#REF!</definedName>
    <definedName name="物件費名称_22">#REF!</definedName>
    <definedName name="物件費名称_23" localSheetId="0">#REF!</definedName>
    <definedName name="物件費名称_23">#REF!</definedName>
    <definedName name="物件費名称_24" localSheetId="0">#REF!</definedName>
    <definedName name="物件費名称_24">#REF!</definedName>
    <definedName name="物件費名称_25" localSheetId="0">#REF!</definedName>
    <definedName name="物件費名称_25">#REF!</definedName>
    <definedName name="物件費名称_26" localSheetId="0">#REF!</definedName>
    <definedName name="物件費名称_26">#REF!</definedName>
    <definedName name="物件費名称_27" localSheetId="0">#REF!</definedName>
    <definedName name="物件費名称_27">#REF!</definedName>
    <definedName name="物件費名称_28" localSheetId="0">#REF!</definedName>
    <definedName name="物件費名称_28">#REF!</definedName>
    <definedName name="物件費名称_29" localSheetId="0">#REF!</definedName>
    <definedName name="物件費名称_29">#REF!</definedName>
    <definedName name="物件費名称_3" localSheetId="0">#REF!</definedName>
    <definedName name="物件費名称_3">#REF!</definedName>
    <definedName name="物件費名称_30" localSheetId="0">#REF!</definedName>
    <definedName name="物件費名称_30">#REF!</definedName>
    <definedName name="物件費名称_31" localSheetId="0">#REF!</definedName>
    <definedName name="物件費名称_31">#REF!</definedName>
    <definedName name="物件費名称_32" localSheetId="0">#REF!</definedName>
    <definedName name="物件費名称_32">#REF!</definedName>
    <definedName name="物件費名称_33" localSheetId="0">#REF!</definedName>
    <definedName name="物件費名称_33">#REF!</definedName>
    <definedName name="物件費名称_34" localSheetId="0">#REF!</definedName>
    <definedName name="物件費名称_34">#REF!</definedName>
    <definedName name="物件費名称_35" localSheetId="0">#REF!</definedName>
    <definedName name="物件費名称_35">#REF!</definedName>
    <definedName name="物件費名称_36" localSheetId="0">#REF!</definedName>
    <definedName name="物件費名称_36">#REF!</definedName>
    <definedName name="物件費名称_37" localSheetId="0">#REF!</definedName>
    <definedName name="物件費名称_37">#REF!</definedName>
    <definedName name="物件費名称_38" localSheetId="0">#REF!</definedName>
    <definedName name="物件費名称_38">#REF!</definedName>
    <definedName name="物件費名称_39" localSheetId="0">#REF!</definedName>
    <definedName name="物件費名称_39">#REF!</definedName>
    <definedName name="物件費名称_4" localSheetId="0">#REF!</definedName>
    <definedName name="物件費名称_4">#REF!</definedName>
    <definedName name="物件費名称_40" localSheetId="0">#REF!</definedName>
    <definedName name="物件費名称_40">#REF!</definedName>
    <definedName name="物件費名称_41" localSheetId="0">#REF!</definedName>
    <definedName name="物件費名称_41">#REF!</definedName>
    <definedName name="物件費名称_42" localSheetId="0">#REF!</definedName>
    <definedName name="物件費名称_42">#REF!</definedName>
    <definedName name="物件費名称_43" localSheetId="0">#REF!</definedName>
    <definedName name="物件費名称_43">#REF!</definedName>
    <definedName name="物件費名称_44" localSheetId="0">#REF!</definedName>
    <definedName name="物件費名称_44">#REF!</definedName>
    <definedName name="物件費名称_45" localSheetId="0">#REF!</definedName>
    <definedName name="物件費名称_45">#REF!</definedName>
    <definedName name="物件費名称_46" localSheetId="0">#REF!</definedName>
    <definedName name="物件費名称_46">#REF!</definedName>
    <definedName name="物件費名称_5" localSheetId="0">#REF!</definedName>
    <definedName name="物件費名称_5">#REF!</definedName>
    <definedName name="物件費名称_6" localSheetId="0">#REF!</definedName>
    <definedName name="物件費名称_6">#REF!</definedName>
    <definedName name="物件費名称_7" localSheetId="0">#REF!</definedName>
    <definedName name="物件費名称_7">#REF!</definedName>
    <definedName name="物件費名称_8" localSheetId="0">#REF!</definedName>
    <definedName name="物件費名称_8">#REF!</definedName>
    <definedName name="物件費名称_9" localSheetId="0">#REF!</definedName>
    <definedName name="物件費名称_9">#REF!</definedName>
    <definedName name="分類" localSheetId="0">'[10]様式17(見直し一覧)'!$A$38:$A$47</definedName>
    <definedName name="分類">'[11]様式17(見直し一覧)'!$A$38:$A$47</definedName>
    <definedName name="予算" localSheetId="0">#REF!</definedName>
    <definedName name="予算">#REF!</definedName>
    <definedName name="予備費金額" localSheetId="0">#REF!</definedName>
    <definedName name="予備費金額">#REF!</definedName>
    <definedName name="予備費税額" localSheetId="0">#REF!</definedName>
    <definedName name="予備費税額">#REF!</definedName>
    <definedName name="様式13" localSheetId="0">#REF!</definedName>
    <definedName name="様式13">#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31" i="71" l="1"/>
  <c r="G31" i="71"/>
  <c r="I33" i="71" s="1"/>
  <c r="D31" i="71"/>
  <c r="C31" i="71"/>
  <c r="E29" i="71"/>
  <c r="E28" i="71"/>
  <c r="E27" i="71"/>
  <c r="E26" i="71"/>
  <c r="E25" i="71"/>
  <c r="E24" i="71"/>
  <c r="E23" i="71"/>
  <c r="E22" i="71"/>
  <c r="E21" i="71"/>
  <c r="E20" i="71"/>
  <c r="E19" i="71"/>
  <c r="E18" i="71"/>
  <c r="E17" i="71"/>
  <c r="E16" i="71"/>
  <c r="E15" i="71"/>
  <c r="E14" i="71"/>
  <c r="E13" i="71"/>
  <c r="E12" i="71"/>
  <c r="E11" i="71"/>
  <c r="E10" i="71"/>
  <c r="E9" i="71"/>
  <c r="E8" i="71"/>
  <c r="E7" i="71"/>
  <c r="E6" i="71"/>
  <c r="E31" i="71" l="1"/>
</calcChain>
</file>

<file path=xl/sharedStrings.xml><?xml version="1.0" encoding="utf-8"?>
<sst xmlns="http://schemas.openxmlformats.org/spreadsheetml/2006/main" count="33" uniqueCount="33">
  <si>
    <t>（単位：千円）</t>
    <rPh sb="1" eb="3">
      <t>タンイ</t>
    </rPh>
    <rPh sb="4" eb="6">
      <t>センエン</t>
    </rPh>
    <phoneticPr fontId="1"/>
  </si>
  <si>
    <t>北区</t>
  </si>
  <si>
    <t>都島区</t>
  </si>
  <si>
    <t>福島区</t>
  </si>
  <si>
    <t>此花区</t>
  </si>
  <si>
    <t>中央区</t>
  </si>
  <si>
    <t>西区</t>
  </si>
  <si>
    <t>港区</t>
  </si>
  <si>
    <t>大正区</t>
  </si>
  <si>
    <t>天王寺区</t>
  </si>
  <si>
    <t>浪速区</t>
  </si>
  <si>
    <t>西淀川区</t>
  </si>
  <si>
    <t>淀川区</t>
  </si>
  <si>
    <t>東淀川区</t>
  </si>
  <si>
    <t>東成区</t>
  </si>
  <si>
    <t>生野区</t>
  </si>
  <si>
    <t>旭区</t>
  </si>
  <si>
    <t>城東区</t>
  </si>
  <si>
    <t>鶴見区</t>
  </si>
  <si>
    <t>阿倍野区</t>
  </si>
  <si>
    <t>住之江区</t>
  </si>
  <si>
    <t>住吉区</t>
  </si>
  <si>
    <t>東住吉区</t>
  </si>
  <si>
    <t>平野区</t>
  </si>
  <si>
    <t>西成区</t>
  </si>
  <si>
    <t>合計</t>
    <rPh sb="0" eb="2">
      <t>ゴウケイ</t>
    </rPh>
    <phoneticPr fontId="1"/>
  </si>
  <si>
    <t>区長自由経費
 ※１</t>
    <phoneticPr fontId="1"/>
  </si>
  <si>
    <t>区ＣＭ自由経費
※２</t>
    <phoneticPr fontId="1"/>
  </si>
  <si>
    <t>合　計
（※１＋※２）</t>
    <rPh sb="0" eb="1">
      <t>ゴウ</t>
    </rPh>
    <rPh sb="2" eb="3">
      <t>ケイ</t>
    </rPh>
    <phoneticPr fontId="1"/>
  </si>
  <si>
    <t>区ＣＭ義務的経費
※３</t>
    <phoneticPr fontId="1"/>
  </si>
  <si>
    <t>区・局連携事業経費
※４</t>
    <phoneticPr fontId="1"/>
  </si>
  <si>
    <r>
      <t>区関連予算総額</t>
    </r>
    <r>
      <rPr>
        <sz val="9"/>
        <color theme="1"/>
        <rFont val="ＭＳ 明朝"/>
        <family val="1"/>
        <charset val="128"/>
      </rPr>
      <t>（※１＋※２＋※３＋※４）</t>
    </r>
    <rPh sb="0" eb="1">
      <t>ク</t>
    </rPh>
    <rPh sb="1" eb="3">
      <t>カンレン</t>
    </rPh>
    <rPh sb="3" eb="5">
      <t>ヨサン</t>
    </rPh>
    <rPh sb="5" eb="7">
      <t>ソウガク</t>
    </rPh>
    <phoneticPr fontId="1"/>
  </si>
  <si>
    <r>
      <t>令和８年度　区関連予算（案）総括表</t>
    </r>
    <r>
      <rPr>
        <sz val="16"/>
        <color theme="1"/>
        <rFont val="ＭＳ 明朝"/>
        <family val="1"/>
        <charset val="128"/>
      </rPr>
      <t xml:space="preserve">      </t>
    </r>
    <rPh sb="0" eb="2">
      <t>レイワ</t>
    </rPh>
    <rPh sb="12" eb="13">
      <t>アン</t>
    </rPh>
    <rPh sb="14" eb="16">
      <t>ソウカツ</t>
    </rPh>
    <rPh sb="16" eb="17">
      <t>ヒ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_ "/>
    <numFmt numFmtId="177" formatCode="\(#,##0\)_ "/>
    <numFmt numFmtId="178" formatCode="#,##0_);[Red]\(#,##0\)"/>
  </numFmts>
  <fonts count="20">
    <font>
      <sz val="11"/>
      <color theme="1"/>
      <name val="ＭＳ Ｐゴシック"/>
      <family val="2"/>
      <charset val="128"/>
      <scheme val="minor"/>
    </font>
    <font>
      <sz val="6"/>
      <name val="ＭＳ Ｐゴシック"/>
      <family val="2"/>
      <charset val="128"/>
      <scheme val="minor"/>
    </font>
    <font>
      <sz val="10.5"/>
      <name val="ＭＳ 明朝"/>
      <family val="1"/>
      <charset val="128"/>
    </font>
    <font>
      <sz val="9"/>
      <color theme="1"/>
      <name val="ＭＳ Ｐゴシック"/>
      <family val="3"/>
      <charset val="128"/>
    </font>
    <font>
      <sz val="11"/>
      <color theme="1"/>
      <name val="ＭＳ Ｐゴシック"/>
      <family val="3"/>
      <charset val="128"/>
    </font>
    <font>
      <u/>
      <sz val="10.5"/>
      <color indexed="12"/>
      <name val="明朝体"/>
      <family val="3"/>
      <charset val="128"/>
    </font>
    <font>
      <sz val="11"/>
      <name val="ＭＳ Ｐゴシック"/>
      <family val="3"/>
      <charset val="128"/>
    </font>
    <font>
      <u/>
      <sz val="11"/>
      <color theme="10"/>
      <name val="ＭＳ Ｐゴシック"/>
      <family val="3"/>
      <charset val="128"/>
    </font>
    <font>
      <u/>
      <sz val="11"/>
      <color theme="10"/>
      <name val="ＭＳ Ｐゴシック"/>
      <family val="3"/>
      <charset val="128"/>
      <scheme val="minor"/>
    </font>
    <font>
      <u/>
      <sz val="16"/>
      <color theme="1"/>
      <name val="ＭＳ 明朝"/>
      <family val="1"/>
      <charset val="128"/>
    </font>
    <font>
      <sz val="10"/>
      <color theme="1"/>
      <name val="ＭＳ 明朝"/>
      <family val="1"/>
      <charset val="128"/>
    </font>
    <font>
      <sz val="10.5"/>
      <color theme="1"/>
      <name val="ＭＳ 明朝"/>
      <family val="1"/>
      <charset val="128"/>
    </font>
    <font>
      <sz val="9"/>
      <color theme="1"/>
      <name val="ＭＳ 明朝"/>
      <family val="1"/>
      <charset val="128"/>
    </font>
    <font>
      <sz val="10.5"/>
      <color rgb="FFFF0000"/>
      <name val="ＭＳ 明朝"/>
      <family val="1"/>
      <charset val="128"/>
    </font>
    <font>
      <sz val="16"/>
      <color theme="1"/>
      <name val="ＭＳ 明朝"/>
      <family val="1"/>
      <charset val="128"/>
    </font>
    <font>
      <u/>
      <sz val="9"/>
      <color theme="1"/>
      <name val="ＭＳ 明朝"/>
      <family val="1"/>
      <charset val="128"/>
    </font>
    <font>
      <sz val="9"/>
      <color theme="1"/>
      <name val="ＭＳ Ｐ明朝"/>
      <family val="1"/>
      <charset val="128"/>
    </font>
    <font>
      <sz val="8"/>
      <color theme="1"/>
      <name val="ＭＳ Ｐ明朝"/>
      <family val="1"/>
      <charset val="128"/>
    </font>
    <font>
      <sz val="11"/>
      <color theme="1"/>
      <name val="ＭＳ 明朝"/>
      <family val="1"/>
      <charset val="128"/>
    </font>
    <font>
      <sz val="11"/>
      <color theme="1"/>
      <name val="ＭＳ Ｐゴシック"/>
      <family val="2"/>
      <charset val="128"/>
      <scheme val="minor"/>
    </font>
  </fonts>
  <fills count="5">
    <fill>
      <patternFill patternType="none"/>
    </fill>
    <fill>
      <patternFill patternType="gray125"/>
    </fill>
    <fill>
      <patternFill patternType="solid">
        <fgColor theme="0"/>
        <bgColor indexed="64"/>
      </patternFill>
    </fill>
    <fill>
      <patternFill patternType="solid">
        <fgColor rgb="FFDAEEF3"/>
        <bgColor indexed="64"/>
      </patternFill>
    </fill>
    <fill>
      <patternFill patternType="solid">
        <fgColor theme="8" tint="0.79998168889431442"/>
        <bgColor indexed="64"/>
      </patternFill>
    </fill>
  </fills>
  <borders count="9">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diagonal/>
    </border>
    <border>
      <left/>
      <right/>
      <top style="thin">
        <color indexed="64"/>
      </top>
      <bottom/>
      <diagonal/>
    </border>
  </borders>
  <cellStyleXfs count="11">
    <xf numFmtId="0" fontId="0" fillId="0" borderId="0">
      <alignment vertical="center"/>
    </xf>
    <xf numFmtId="0" fontId="5" fillId="0" borderId="0" applyNumberFormat="0" applyFill="0" applyBorder="0" applyAlignment="0" applyProtection="0">
      <alignment vertical="top"/>
      <protection locked="0"/>
    </xf>
    <xf numFmtId="0" fontId="6" fillId="0" borderId="0"/>
    <xf numFmtId="38" fontId="6" fillId="0" borderId="0" applyFont="0" applyFill="0" applyBorder="0" applyAlignment="0" applyProtection="0"/>
    <xf numFmtId="0" fontId="7" fillId="0" borderId="0" applyNumberFormat="0" applyFill="0" applyBorder="0" applyAlignment="0" applyProtection="0"/>
    <xf numFmtId="38" fontId="6" fillId="0" borderId="0" applyFont="0" applyFill="0" applyBorder="0" applyAlignment="0" applyProtection="0"/>
    <xf numFmtId="0" fontId="8" fillId="0" borderId="0" applyNumberFormat="0" applyFill="0" applyBorder="0" applyAlignment="0" applyProtection="0">
      <alignment vertical="center"/>
    </xf>
    <xf numFmtId="38" fontId="6" fillId="0" borderId="0" applyFont="0" applyFill="0" applyBorder="0" applyAlignment="0" applyProtection="0">
      <alignment vertical="center"/>
    </xf>
    <xf numFmtId="38" fontId="6" fillId="0" borderId="0" applyFont="0" applyFill="0" applyBorder="0" applyAlignment="0" applyProtection="0"/>
    <xf numFmtId="0" fontId="6" fillId="0" borderId="0"/>
    <xf numFmtId="38" fontId="19" fillId="0" borderId="0" applyFont="0" applyFill="0" applyBorder="0" applyAlignment="0" applyProtection="0">
      <alignment vertical="center"/>
    </xf>
  </cellStyleXfs>
  <cellXfs count="49">
    <xf numFmtId="0" fontId="0" fillId="0" borderId="0" xfId="0">
      <alignment vertical="center"/>
    </xf>
    <xf numFmtId="0" fontId="11" fillId="0" borderId="1" xfId="0" applyFont="1" applyBorder="1" applyAlignment="1"/>
    <xf numFmtId="0" fontId="12" fillId="0" borderId="1" xfId="0" applyFont="1" applyBorder="1" applyAlignment="1">
      <alignment horizontal="right"/>
    </xf>
    <xf numFmtId="0" fontId="12" fillId="3" borderId="2" xfId="0" applyFont="1" applyFill="1" applyBorder="1" applyAlignment="1">
      <alignment horizontal="center" vertical="center" wrapText="1"/>
    </xf>
    <xf numFmtId="176" fontId="2" fillId="0" borderId="3" xfId="0" applyNumberFormat="1" applyFont="1" applyBorder="1" applyAlignment="1">
      <alignment horizontal="right" vertical="center" wrapText="1"/>
    </xf>
    <xf numFmtId="0" fontId="11" fillId="2" borderId="6" xfId="0" applyFont="1" applyFill="1" applyBorder="1" applyAlignment="1">
      <alignment horizontal="center" vertical="center" wrapText="1"/>
    </xf>
    <xf numFmtId="176" fontId="11" fillId="0" borderId="6" xfId="0" applyNumberFormat="1" applyFont="1" applyBorder="1" applyAlignment="1">
      <alignment horizontal="right" vertical="center" wrapText="1"/>
    </xf>
    <xf numFmtId="176" fontId="13" fillId="0" borderId="6" xfId="0" applyNumberFormat="1" applyFont="1" applyBorder="1" applyAlignment="1">
      <alignment horizontal="right" vertical="center" wrapText="1"/>
    </xf>
    <xf numFmtId="0" fontId="4" fillId="0" borderId="0" xfId="0" applyFont="1">
      <alignment vertical="center"/>
    </xf>
    <xf numFmtId="0" fontId="10" fillId="0" borderId="0" xfId="0" applyFont="1" applyAlignment="1">
      <alignment horizontal="right"/>
    </xf>
    <xf numFmtId="0" fontId="15" fillId="0" borderId="1" xfId="0" applyFont="1" applyBorder="1" applyAlignment="1"/>
    <xf numFmtId="0" fontId="11" fillId="0" borderId="7" xfId="0" applyFont="1" applyBorder="1" applyAlignment="1">
      <alignment vertical="center" wrapText="1"/>
    </xf>
    <xf numFmtId="0" fontId="16" fillId="0" borderId="7" xfId="0" applyFont="1" applyBorder="1" applyAlignment="1">
      <alignment horizontal="center" vertical="center"/>
    </xf>
    <xf numFmtId="0" fontId="17" fillId="0" borderId="7" xfId="0" applyFont="1" applyBorder="1" applyAlignment="1">
      <alignment horizontal="right" vertical="top"/>
    </xf>
    <xf numFmtId="0" fontId="17" fillId="0" borderId="7" xfId="0" applyFont="1" applyBorder="1" applyAlignment="1">
      <alignment horizontal="right" vertical="center"/>
    </xf>
    <xf numFmtId="0" fontId="11" fillId="0" borderId="3" xfId="0" applyFont="1" applyBorder="1" applyAlignment="1">
      <alignment vertical="center" wrapText="1"/>
    </xf>
    <xf numFmtId="0" fontId="11" fillId="0" borderId="1" xfId="0" applyFont="1" applyBorder="1" applyAlignment="1">
      <alignment horizontal="right" vertical="center" wrapText="1"/>
    </xf>
    <xf numFmtId="176" fontId="2" fillId="4" borderId="2" xfId="0" applyNumberFormat="1" applyFont="1" applyFill="1" applyBorder="1" applyAlignment="1">
      <alignment vertical="center" wrapText="1"/>
    </xf>
    <xf numFmtId="176" fontId="11" fillId="4" borderId="2" xfId="0" applyNumberFormat="1" applyFont="1" applyFill="1" applyBorder="1" applyAlignment="1">
      <alignment vertical="center" wrapText="1"/>
    </xf>
    <xf numFmtId="178" fontId="11" fillId="4" borderId="2" xfId="0" applyNumberFormat="1" applyFont="1" applyFill="1" applyBorder="1" applyAlignment="1">
      <alignment horizontal="right" vertical="center" wrapText="1"/>
    </xf>
    <xf numFmtId="176" fontId="2" fillId="0" borderId="7" xfId="0" applyNumberFormat="1" applyFont="1" applyBorder="1" applyAlignment="1">
      <alignment horizontal="right" vertical="center" wrapText="1"/>
    </xf>
    <xf numFmtId="176" fontId="13" fillId="0" borderId="1" xfId="0" applyNumberFormat="1" applyFont="1" applyBorder="1" applyAlignment="1">
      <alignment horizontal="right" vertical="center" wrapText="1"/>
    </xf>
    <xf numFmtId="178" fontId="11" fillId="4" borderId="3" xfId="0" applyNumberFormat="1" applyFont="1" applyFill="1" applyBorder="1" applyAlignment="1">
      <alignment vertical="center" wrapText="1"/>
    </xf>
    <xf numFmtId="0" fontId="9" fillId="0" borderId="0" xfId="0" applyFont="1">
      <alignment vertical="center"/>
    </xf>
    <xf numFmtId="0" fontId="10" fillId="0" borderId="0" xfId="0" applyFont="1">
      <alignment vertical="center"/>
    </xf>
    <xf numFmtId="0" fontId="15" fillId="0" borderId="0" xfId="0" applyFont="1" applyAlignment="1"/>
    <xf numFmtId="0" fontId="12" fillId="0" borderId="7" xfId="0" applyFont="1" applyBorder="1" applyAlignment="1">
      <alignment horizontal="center" vertical="center" wrapText="1"/>
    </xf>
    <xf numFmtId="176" fontId="2" fillId="0" borderId="3" xfId="0" applyNumberFormat="1" applyFont="1" applyBorder="1" applyAlignment="1">
      <alignment vertical="center" wrapText="1"/>
    </xf>
    <xf numFmtId="177" fontId="11" fillId="0" borderId="7" xfId="0" applyNumberFormat="1" applyFont="1" applyBorder="1" applyAlignment="1">
      <alignment horizontal="right" vertical="center" wrapText="1"/>
    </xf>
    <xf numFmtId="176" fontId="11" fillId="0" borderId="7" xfId="0" applyNumberFormat="1" applyFont="1" applyBorder="1">
      <alignment vertical="center"/>
    </xf>
    <xf numFmtId="176" fontId="11" fillId="0" borderId="7" xfId="0" applyNumberFormat="1" applyFont="1" applyBorder="1" applyAlignment="1">
      <alignment horizontal="right" vertical="center" wrapText="1"/>
    </xf>
    <xf numFmtId="0" fontId="13" fillId="0" borderId="6" xfId="0" applyFont="1" applyBorder="1" applyAlignment="1">
      <alignment horizontal="center" vertical="center" wrapText="1"/>
    </xf>
    <xf numFmtId="176" fontId="13" fillId="0" borderId="0" xfId="0" applyNumberFormat="1" applyFont="1" applyAlignment="1">
      <alignment horizontal="right" vertical="center" wrapText="1"/>
    </xf>
    <xf numFmtId="176" fontId="2" fillId="0" borderId="7" xfId="0" applyNumberFormat="1" applyFont="1" applyBorder="1" applyAlignment="1">
      <alignment vertical="center" wrapText="1"/>
    </xf>
    <xf numFmtId="0" fontId="11" fillId="0" borderId="1" xfId="0" applyFont="1" applyBorder="1" applyAlignment="1">
      <alignment horizontal="center" vertical="center" wrapText="1"/>
    </xf>
    <xf numFmtId="176" fontId="11" fillId="0" borderId="1" xfId="0" applyNumberFormat="1" applyFont="1" applyBorder="1" applyAlignment="1">
      <alignment vertical="center" wrapText="1"/>
    </xf>
    <xf numFmtId="178" fontId="11" fillId="0" borderId="1" xfId="0" applyNumberFormat="1" applyFont="1" applyBorder="1" applyAlignment="1">
      <alignment horizontal="right" vertical="center" wrapText="1"/>
    </xf>
    <xf numFmtId="0" fontId="3" fillId="0" borderId="8" xfId="0" applyFont="1" applyBorder="1">
      <alignment vertical="center"/>
    </xf>
    <xf numFmtId="0" fontId="9" fillId="0" borderId="0" xfId="0" applyFont="1" applyAlignment="1">
      <alignment horizontal="center" vertical="center"/>
    </xf>
    <xf numFmtId="38" fontId="2" fillId="0" borderId="2" xfId="10" applyFont="1" applyBorder="1" applyAlignment="1">
      <alignment horizontal="right" vertical="center"/>
    </xf>
    <xf numFmtId="0" fontId="11" fillId="3" borderId="4" xfId="0" applyFont="1" applyFill="1" applyBorder="1" applyAlignment="1">
      <alignment horizontal="center" vertical="center" wrapText="1"/>
    </xf>
    <xf numFmtId="0" fontId="11" fillId="3" borderId="5" xfId="0" applyFont="1" applyFill="1" applyBorder="1" applyAlignment="1">
      <alignment horizontal="center" vertical="center" wrapText="1"/>
    </xf>
    <xf numFmtId="0" fontId="11" fillId="4" borderId="4" xfId="0" applyFont="1" applyFill="1" applyBorder="1" applyAlignment="1">
      <alignment horizontal="center" vertical="center" wrapText="1"/>
    </xf>
    <xf numFmtId="0" fontId="11" fillId="4" borderId="5" xfId="0" applyFont="1" applyFill="1" applyBorder="1" applyAlignment="1">
      <alignment horizontal="center" vertical="center" wrapText="1"/>
    </xf>
    <xf numFmtId="0" fontId="18" fillId="4" borderId="4" xfId="0" applyFont="1" applyFill="1" applyBorder="1" applyAlignment="1">
      <alignment horizontal="center" vertical="center"/>
    </xf>
    <xf numFmtId="0" fontId="18" fillId="4" borderId="6" xfId="0" applyFont="1" applyFill="1" applyBorder="1" applyAlignment="1">
      <alignment horizontal="center" vertical="center"/>
    </xf>
    <xf numFmtId="0" fontId="18" fillId="4" borderId="5" xfId="0" applyFont="1" applyFill="1" applyBorder="1" applyAlignment="1">
      <alignment horizontal="center" vertical="center"/>
    </xf>
    <xf numFmtId="0" fontId="16" fillId="0" borderId="7" xfId="0" applyFont="1" applyBorder="1" applyAlignment="1">
      <alignment horizontal="left" vertical="top" wrapText="1"/>
    </xf>
    <xf numFmtId="0" fontId="9" fillId="0" borderId="0" xfId="0" applyFont="1" applyAlignment="1">
      <alignment horizontal="center" vertical="center"/>
    </xf>
  </cellXfs>
  <cellStyles count="11">
    <cellStyle name="ハイパーリンク 2" xfId="1" xr:uid="{00000000-0005-0000-0000-000000000000}"/>
    <cellStyle name="ハイパーリンク 3" xfId="4" xr:uid="{00000000-0005-0000-0000-000001000000}"/>
    <cellStyle name="ハイパーリンク 4" xfId="6" xr:uid="{00000000-0005-0000-0000-000002000000}"/>
    <cellStyle name="桁区切り" xfId="10" builtinId="6"/>
    <cellStyle name="桁区切り 2" xfId="3" xr:uid="{00000000-0005-0000-0000-000004000000}"/>
    <cellStyle name="桁区切り 2 2" xfId="5" xr:uid="{00000000-0005-0000-0000-000005000000}"/>
    <cellStyle name="桁区切り 2 4" xfId="8" xr:uid="{00000000-0005-0000-0000-000006000000}"/>
    <cellStyle name="桁区切り 3" xfId="7" xr:uid="{00000000-0005-0000-0000-000007000000}"/>
    <cellStyle name="標準" xfId="0" builtinId="0"/>
    <cellStyle name="標準 2" xfId="2" xr:uid="{00000000-0005-0000-0000-000009000000}"/>
    <cellStyle name="標準 7" xfId="9" xr:uid="{DBC87171-86B9-4E33-99FD-2A723D892697}"/>
  </cellStyles>
  <dxfs count="0"/>
  <tableStyles count="0" defaultTableStyle="TableStyleMedium9" defaultPivotStyle="PivotStyleLight16"/>
  <colors>
    <mruColors>
      <color rgb="FFFFFF99"/>
      <color rgb="FFFFCC66"/>
      <color rgb="FFFEA0F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theme" Target="theme/theme1.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2" Type="http://schemas.openxmlformats.org/officeDocument/2006/relationships/externalLink" Target="externalLinks/externalLink1.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5" Type="http://schemas.openxmlformats.org/officeDocument/2006/relationships/externalLink" Target="externalLinks/externalLink4.xml"/><Relationship Id="rId15" Type="http://schemas.openxmlformats.org/officeDocument/2006/relationships/sharedStrings" Target="sharedStrings.xml"/><Relationship Id="rId10" Type="http://schemas.openxmlformats.org/officeDocument/2006/relationships/externalLink" Target="externalLinks/externalLink9.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U:\&#25351;&#23450;&#32113;&#35336;\00%20&#35211;&#31309;\03_&#38283;&#30330;&#12473;&#12465;&#12472;&#12517;&#12540;&#12523;.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APFF001C\OA-tx0001$\Users\i9753250\AppData\Local\Microsoft\Windows\Temporary%20Internet%20Files\Content.Outlook\1QBG7IYA\&#20104;&#31639;&#32232;&#25104;&#36890;&#30693;&#27096;&#24335;&#65288;&#12481;&#12455;&#12483;&#12463;&#12471;&#12540;&#12488;&#65289;&#65288;&#26368;&#32066;&#29256;&#65289;%20(2).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C:\Users\i9753250\AppData\Local\Microsoft\Windows\Temporary%20Internet%20Files\Content.Outlook\1QBG7IYA\&#20104;&#31639;&#32232;&#25104;&#36890;&#30693;&#27096;&#24335;&#65288;&#12481;&#12455;&#12483;&#12463;&#12471;&#12540;&#12488;&#65289;&#65288;&#26368;&#32066;&#29256;&#65289;%20(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ogsworth\Traffic%20Home\2-2\&#38283;&#30330;&#38917;&#30446;\&#20491;&#21029;\&#23450;&#28857;&#20998;&#26512;\&#23450;&#28857;&#65318;&#20181;.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s://www.city.osaka.lg.jp/&#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APZR002C\OA-aa0011$\&#31649;&#36001;&#20849;&#26377;\&#31649;&#36001;&#20849;&#26377;\&#29031;&#20250;&#22238;&#31572;\&#23616;&#22806;(&#22303;&#22320;&#21462;&#24471;&#38500;&#12367;)\H18&#23616;&#22806;&#29031;&#20250;&#36215;&#26696;.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APZR002C\OA-aa0011$\Users\i4253792\AppData\Local\Microsoft\Windows\Temporary%20Internet%20Files\OLK82A6\&#20844;&#20849;&#20107;&#26989;&#35211;&#36796;&#29031;&#20250;&#35519;&#26619;&#31080;%20(3).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APZR002C\OA-ac0005$\&#12518;&#12540;&#12470;&#12540;&#20316;&#26989;&#29992;&#12501;&#12457;&#12523;&#12480;\A02%20&#34892;&#36001;&#25919;&#25913;&#38761;&#25285;&#24403;\&#9733;22&#24180;&#24230;&#65374;\&#9734;&#32076;&#36027;&#12398;&#26377;&#21177;&#27963;&#29992;&#26908;&#35342;&#37096;&#20250;\20110331_&#20998;&#39006;&#12539;&#25972;&#29702;&#12398;&#12452;&#12513;&#12540;&#12472;\&#9733;&#9733;&#38598;&#35336;&#34920;6&#12288;&#12467;&#12500;&#1254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PZR002C\OA-aa0011$\&#12518;&#12540;&#12470;&#20316;&#26989;&#29992;&#12501;&#12457;&#12523;&#12480;\H25&#24246;&#21209;&#38306;&#20418;\&#38750;&#24120;&#21220;&#22065;&#35351;&#32887;&#21729;&#65288;H25&#65374;&#65289;\&#20986;&#21220;&#31807;&#65288;&#26045;&#35373;&#25972;&#20633;&#35506;&#65289;.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Y:\Users\i4250003\AppData\Local\Microsoft\Windows\Temporary%20Internet%20Files\Content.Outlook\E6ZMVT07\&#22243;&#20307;&#26989;&#32318;&#35413;&#20385;\&#9733;&#9734;&#9733;&#22806;&#37101;&#22243;&#20307;&#26989;&#32318;&#35413;&#20385;&#12471;&#12540;&#12488;&#65288;&#26666;&#24335;&#65289;H22&#12304;&#27096;&#24335;&#12305;(version6).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APZR002C\OA-aa0011$\H23&#12539;1&#22238;&#12498;&#12450;\&#20303;&#24066;&#32207;\02.&#35036;&#21161;&#37329;\&#35201;&#26395;&#32207;&#25324;&#34920;&#12539;H22&#24180;&#24230;&#29256;&#65288;&#20061;&#24030;&#22320;&#2597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基本情報"/>
      <sheetName val="大日程"/>
      <sheetName val="年間日程"/>
      <sheetName val="中日程"/>
      <sheetName val="小日程"/>
      <sheetName val="TABLE"/>
      <sheetName val="03_開発スケジュール"/>
      <sheetName val="#REF"/>
      <sheetName val="RAK01AD"/>
      <sheetName val="ワーク"/>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AK01AD"/>
      <sheetName val="RAK01AT"/>
      <sheetName val="RAK01AE"/>
      <sheetName val="RAK02DT"/>
      <sheetName val="RAK02DD"/>
      <sheetName val="RAK02DE"/>
      <sheetName val="RAK03DT"/>
      <sheetName val="RAK03DD"/>
      <sheetName val="RAK03DE"/>
      <sheetName val="RAK04DT"/>
      <sheetName val="RAK04DD"/>
      <sheetName val="RAK04DE"/>
      <sheetName val="RAK05DT"/>
      <sheetName val="RAK05DD"/>
      <sheetName val="RAK05DE"/>
      <sheetName val="RAK06DT"/>
      <sheetName val="RAK06DD"/>
      <sheetName val="RAK06DE"/>
      <sheetName val="RAK07DT"/>
      <sheetName val="RAK07DD"/>
      <sheetName val="RAK07DE"/>
      <sheetName val="RAK08DT"/>
      <sheetName val="RAK08DD"/>
      <sheetName val="RAK08DE"/>
      <sheetName val="RAK09AT"/>
      <sheetName val="RAK09AD"/>
      <sheetName val="RAK09AE"/>
      <sheetName val="RAK10AT"/>
      <sheetName val="RAK10AD"/>
      <sheetName val="RAK10AE"/>
      <sheetName val="RAK11AT"/>
      <sheetName val="RAK11AD"/>
      <sheetName val="RAK11AE"/>
      <sheetName val="RAK12AT"/>
      <sheetName val="RAK12AD"/>
      <sheetName val="RAK12AE"/>
      <sheetName val="RAK13AT"/>
      <sheetName val="RAK13AD"/>
      <sheetName val="RAK13AE"/>
      <sheetName val="RAK14AT"/>
      <sheetName val="RAK14AD"/>
      <sheetName val="RAK14AE"/>
      <sheetName val="RAK15AT"/>
      <sheetName val="RAK15AD"/>
      <sheetName val="RAK15AE"/>
      <sheetName val="RAK16AT"/>
      <sheetName val="RAK16AD"/>
      <sheetName val="RAK16AE"/>
      <sheetName val="RAK17AT"/>
      <sheetName val="RAK17AD"/>
      <sheetName val="RAK17AE"/>
      <sheetName val="RAK18AT"/>
      <sheetName val="RAK18AD"/>
      <sheetName val="RAK18AE"/>
      <sheetName val="RAK19AT"/>
      <sheetName val="RAK19AD"/>
      <sheetName val="RAK19AE"/>
      <sheetName val="RAK20AT"/>
      <sheetName val="RAK20AD"/>
      <sheetName val="RAK20AE"/>
      <sheetName val="RAK21AT"/>
      <sheetName val="RAK21AD"/>
      <sheetName val="RAK21AE"/>
      <sheetName val="RAK22AT"/>
      <sheetName val="RAK22AD"/>
      <sheetName val="RAK22AE"/>
    </sheetNames>
    <sheetDataSet>
      <sheetData sheetId="0" refreshError="1">
        <row r="9">
          <cell r="B9">
            <v>1</v>
          </cell>
        </row>
        <row r="10">
          <cell r="B10">
            <v>2</v>
          </cell>
        </row>
        <row r="11">
          <cell r="B11">
            <v>3</v>
          </cell>
        </row>
        <row r="12">
          <cell r="B12">
            <v>4</v>
          </cell>
        </row>
        <row r="13">
          <cell r="B13">
            <v>5</v>
          </cell>
        </row>
        <row r="14">
          <cell r="B14">
            <v>6</v>
          </cell>
        </row>
        <row r="15">
          <cell r="B15">
            <v>7</v>
          </cell>
        </row>
        <row r="16">
          <cell r="B16">
            <v>8</v>
          </cell>
        </row>
        <row r="17">
          <cell r="B17">
            <v>9</v>
          </cell>
        </row>
        <row r="18">
          <cell r="B18">
            <v>10</v>
          </cell>
        </row>
        <row r="19">
          <cell r="B19">
            <v>11</v>
          </cell>
        </row>
        <row r="20">
          <cell r="B20">
            <v>12</v>
          </cell>
        </row>
        <row r="21">
          <cell r="B21">
            <v>13</v>
          </cell>
        </row>
        <row r="22">
          <cell r="B22">
            <v>14</v>
          </cell>
        </row>
        <row r="23">
          <cell r="B23">
            <v>15</v>
          </cell>
        </row>
        <row r="24">
          <cell r="B24">
            <v>16</v>
          </cell>
        </row>
        <row r="25">
          <cell r="B25">
            <v>17</v>
          </cell>
        </row>
        <row r="26">
          <cell r="B26">
            <v>18</v>
          </cell>
        </row>
        <row r="27">
          <cell r="B27">
            <v>19</v>
          </cell>
        </row>
        <row r="28">
          <cell r="B28">
            <v>20</v>
          </cell>
        </row>
        <row r="29">
          <cell r="B29">
            <v>21</v>
          </cell>
        </row>
        <row r="30">
          <cell r="B30">
            <v>22</v>
          </cell>
        </row>
        <row r="31">
          <cell r="B31">
            <v>23</v>
          </cell>
        </row>
        <row r="32">
          <cell r="B32">
            <v>24</v>
          </cell>
        </row>
        <row r="33">
          <cell r="B33">
            <v>25</v>
          </cell>
        </row>
        <row r="34">
          <cell r="B34">
            <v>26</v>
          </cell>
        </row>
        <row r="35">
          <cell r="B35">
            <v>27</v>
          </cell>
        </row>
        <row r="36">
          <cell r="B36">
            <v>28</v>
          </cell>
        </row>
        <row r="37">
          <cell r="B37">
            <v>29</v>
          </cell>
        </row>
        <row r="38">
          <cell r="B38">
            <v>30</v>
          </cell>
        </row>
        <row r="39">
          <cell r="B39">
            <v>31</v>
          </cell>
        </row>
        <row r="40">
          <cell r="B40">
            <v>32</v>
          </cell>
        </row>
        <row r="41">
          <cell r="B41">
            <v>33</v>
          </cell>
        </row>
        <row r="42">
          <cell r="B42">
            <v>34</v>
          </cell>
        </row>
        <row r="43">
          <cell r="B43">
            <v>35</v>
          </cell>
        </row>
        <row r="44">
          <cell r="B44">
            <v>36</v>
          </cell>
        </row>
        <row r="45">
          <cell r="B45">
            <v>37</v>
          </cell>
        </row>
        <row r="46">
          <cell r="B46">
            <v>38</v>
          </cell>
        </row>
        <row r="47">
          <cell r="B47">
            <v>39</v>
          </cell>
        </row>
        <row r="48">
          <cell r="B48">
            <v>40</v>
          </cell>
        </row>
        <row r="49">
          <cell r="B49">
            <v>41</v>
          </cell>
        </row>
        <row r="50">
          <cell r="B50">
            <v>42</v>
          </cell>
        </row>
        <row r="51">
          <cell r="B51">
            <v>43</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row r="38">
          <cell r="A38" t="str">
            <v>1-1</v>
          </cell>
        </row>
      </sheetData>
      <sheetData sheetId="2">
        <row r="53">
          <cell r="U53" t="str">
            <v>□</v>
          </cell>
          <cell r="V53" t="str">
            <v>■</v>
          </cell>
        </row>
      </sheetData>
      <sheetData sheetId="3"/>
      <sheetData sheetId="4"/>
      <sheetData sheetId="5"/>
      <sheetData sheetId="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表"/>
      <sheetName val="裏面入力・印刷"/>
      <sheetName val="回答書"/>
      <sheetName val="索引プリントアウト"/>
    </sheetNames>
    <sheetDataSet>
      <sheetData sheetId="0">
        <row r="28">
          <cell r="D28" t="str">
            <v>標題</v>
          </cell>
          <cell r="E28" t="str">
            <v>供覧</v>
          </cell>
          <cell r="F28" t="str">
            <v>送年</v>
          </cell>
          <cell r="G28" t="str">
            <v>送月</v>
          </cell>
          <cell r="H28" t="str">
            <v>送日</v>
          </cell>
          <cell r="I28" t="str">
            <v>水発</v>
          </cell>
          <cell r="J28" t="str">
            <v>決裁</v>
          </cell>
          <cell r="K28" t="str">
            <v>用地係長</v>
          </cell>
          <cell r="L28" t="str">
            <v>担当係長</v>
          </cell>
          <cell r="M28" t="str">
            <v>相手方</v>
          </cell>
          <cell r="N28" t="str">
            <v>当方</v>
          </cell>
          <cell r="O28" t="str">
            <v>年</v>
          </cell>
          <cell r="P28" t="str">
            <v>月</v>
          </cell>
          <cell r="Q28" t="str">
            <v>日</v>
          </cell>
          <cell r="R28" t="str">
            <v>有無</v>
          </cell>
          <cell r="S28" t="str">
            <v>内容</v>
          </cell>
          <cell r="T28" t="str">
            <v>非公開</v>
          </cell>
          <cell r="U28" t="str">
            <v>理由</v>
          </cell>
          <cell r="V28" t="str">
            <v>名称</v>
          </cell>
          <cell r="W28" t="str">
            <v>他市</v>
          </cell>
          <cell r="X28" t="str">
            <v>公印省略</v>
          </cell>
          <cell r="Y28" t="str">
            <v>市･局･部１</v>
          </cell>
          <cell r="Z28" t="str">
            <v>課・氏名１</v>
          </cell>
          <cell r="AA28" t="str">
            <v>発１</v>
          </cell>
          <cell r="AB28" t="str">
            <v>号１</v>
          </cell>
          <cell r="AC28" t="str">
            <v>課１</v>
          </cell>
          <cell r="AD28" t="str">
            <v>市･局･部２</v>
          </cell>
          <cell r="AE28" t="str">
            <v>課・氏名２</v>
          </cell>
          <cell r="AF28" t="str">
            <v>発２</v>
          </cell>
          <cell r="AG28" t="str">
            <v>号２</v>
          </cell>
          <cell r="AH28" t="str">
            <v>課２</v>
          </cell>
          <cell r="AI28" t="str">
            <v>重要</v>
          </cell>
          <cell r="AJ28" t="str">
            <v>関係事項１</v>
          </cell>
          <cell r="AK28" t="str">
            <v>関係事項２</v>
          </cell>
          <cell r="AL28" t="str">
            <v>関係事項３</v>
          </cell>
        </row>
        <row r="29">
          <cell r="B29">
            <v>1</v>
          </cell>
          <cell r="C29" t="str">
            <v>号</v>
          </cell>
          <cell r="D29" t="str">
            <v>職制改正に伴う大阪市財産運用委員会委員及び幹事の変更について</v>
          </cell>
          <cell r="E29" t="str">
            <v>決裁</v>
          </cell>
          <cell r="F29">
            <v>18</v>
          </cell>
          <cell r="G29">
            <v>4</v>
          </cell>
          <cell r="H29">
            <v>13</v>
          </cell>
          <cell r="I29">
            <v>7</v>
          </cell>
          <cell r="J29" t="str">
            <v>○</v>
          </cell>
          <cell r="M29" t="str">
            <v>依頼</v>
          </cell>
          <cell r="N29" t="str">
            <v>回答</v>
          </cell>
          <cell r="O29">
            <v>18</v>
          </cell>
          <cell r="P29">
            <v>4</v>
          </cell>
          <cell r="Q29">
            <v>11</v>
          </cell>
          <cell r="R29" t="str">
            <v>有</v>
          </cell>
          <cell r="T29" t="str">
            <v>公開</v>
          </cell>
          <cell r="V29" t="str">
            <v>水道局長</v>
          </cell>
          <cell r="Y29" t="str">
            <v>財政局長</v>
          </cell>
          <cell r="AA29" t="str">
            <v>財</v>
          </cell>
          <cell r="AB29">
            <v>5032</v>
          </cell>
          <cell r="AC29" t="str">
            <v>財政局契約監理部管財課</v>
          </cell>
        </row>
        <row r="30">
          <cell r="B30">
            <v>2</v>
          </cell>
          <cell r="C30" t="str">
            <v>号</v>
          </cell>
          <cell r="D30" t="str">
            <v>財産管理主任会議の開催について</v>
          </cell>
          <cell r="E30" t="str">
            <v>決裁</v>
          </cell>
          <cell r="F30">
            <v>18</v>
          </cell>
          <cell r="G30">
            <v>5</v>
          </cell>
          <cell r="H30">
            <v>19</v>
          </cell>
          <cell r="J30" t="str">
            <v>○</v>
          </cell>
          <cell r="M30" t="str">
            <v>依頼</v>
          </cell>
          <cell r="N30" t="str">
            <v>回答</v>
          </cell>
          <cell r="O30">
            <v>18</v>
          </cell>
          <cell r="P30">
            <v>5</v>
          </cell>
          <cell r="Q30">
            <v>17</v>
          </cell>
          <cell r="R30" t="str">
            <v>有</v>
          </cell>
          <cell r="T30" t="str">
            <v>公開</v>
          </cell>
          <cell r="V30" t="str">
            <v>管財担当課長</v>
          </cell>
          <cell r="Y30" t="str">
            <v>財政局契約監理部管財課長</v>
          </cell>
          <cell r="AA30" t="str">
            <v>財</v>
          </cell>
          <cell r="AB30">
            <v>5138</v>
          </cell>
          <cell r="AC30" t="str">
            <v>財政局契約監理部管財課</v>
          </cell>
        </row>
        <row r="31">
          <cell r="B31">
            <v>3</v>
          </cell>
          <cell r="C31" t="str">
            <v>号</v>
          </cell>
          <cell r="D31" t="str">
            <v>公有財産現在額（公営企業会計）について</v>
          </cell>
          <cell r="E31" t="str">
            <v>決裁</v>
          </cell>
          <cell r="F31">
            <v>18</v>
          </cell>
          <cell r="G31">
            <v>5</v>
          </cell>
          <cell r="H31">
            <v>31</v>
          </cell>
          <cell r="I31">
            <v>51</v>
          </cell>
          <cell r="M31" t="str">
            <v>依頼</v>
          </cell>
          <cell r="N31" t="str">
            <v>回答</v>
          </cell>
          <cell r="O31">
            <v>18</v>
          </cell>
          <cell r="P31">
            <v>4</v>
          </cell>
          <cell r="Q31">
            <v>28</v>
          </cell>
          <cell r="R31" t="str">
            <v>有</v>
          </cell>
          <cell r="T31" t="str">
            <v>公開</v>
          </cell>
          <cell r="V31" t="str">
            <v>水道局長</v>
          </cell>
          <cell r="Y31" t="str">
            <v>財政局契約総長</v>
          </cell>
          <cell r="AA31" t="str">
            <v>財</v>
          </cell>
          <cell r="AB31">
            <v>5099</v>
          </cell>
          <cell r="AC31" t="str">
            <v>財政局契約監理部管財課</v>
          </cell>
          <cell r="AJ31" t="str">
            <v>固定資産情報</v>
          </cell>
        </row>
        <row r="32">
          <cell r="B32">
            <v>4</v>
          </cell>
          <cell r="C32" t="str">
            <v>号</v>
          </cell>
          <cell r="D32" t="str">
            <v>未利用地等の市有地情報の一元化にかかる資料の作成について</v>
          </cell>
          <cell r="E32" t="str">
            <v>決裁</v>
          </cell>
          <cell r="M32" t="str">
            <v>依頼</v>
          </cell>
          <cell r="N32" t="str">
            <v>回答</v>
          </cell>
          <cell r="O32">
            <v>18</v>
          </cell>
          <cell r="P32">
            <v>5</v>
          </cell>
          <cell r="Q32">
            <v>19</v>
          </cell>
          <cell r="R32" t="str">
            <v>有</v>
          </cell>
          <cell r="T32" t="str">
            <v>公開</v>
          </cell>
          <cell r="V32" t="str">
            <v>水道局長</v>
          </cell>
          <cell r="Y32" t="str">
            <v>財政局契約総長</v>
          </cell>
          <cell r="AC32" t="str">
            <v>資産流動化プロジェクトチーム（用地チーム事務局）</v>
          </cell>
        </row>
        <row r="33">
          <cell r="B33" t="str">
            <v/>
          </cell>
          <cell r="C33" t="str">
            <v>号</v>
          </cell>
        </row>
        <row r="34">
          <cell r="B34" t="str">
            <v/>
          </cell>
          <cell r="C34" t="str">
            <v>号</v>
          </cell>
        </row>
        <row r="35">
          <cell r="B35" t="str">
            <v/>
          </cell>
          <cell r="C35" t="str">
            <v>号</v>
          </cell>
        </row>
        <row r="36">
          <cell r="B36" t="str">
            <v/>
          </cell>
          <cell r="C36" t="str">
            <v>号</v>
          </cell>
        </row>
        <row r="37">
          <cell r="B37" t="str">
            <v/>
          </cell>
          <cell r="C37" t="str">
            <v>号</v>
          </cell>
        </row>
        <row r="38">
          <cell r="B38" t="str">
            <v/>
          </cell>
          <cell r="C38" t="str">
            <v>号</v>
          </cell>
        </row>
        <row r="39">
          <cell r="B39" t="str">
            <v/>
          </cell>
          <cell r="C39" t="str">
            <v>号</v>
          </cell>
        </row>
        <row r="40">
          <cell r="B40" t="str">
            <v/>
          </cell>
          <cell r="C40" t="str">
            <v>号</v>
          </cell>
        </row>
        <row r="41">
          <cell r="B41" t="str">
            <v/>
          </cell>
          <cell r="C41" t="str">
            <v>号</v>
          </cell>
        </row>
        <row r="42">
          <cell r="B42" t="str">
            <v/>
          </cell>
          <cell r="C42" t="str">
            <v>号</v>
          </cell>
        </row>
        <row r="43">
          <cell r="B43" t="str">
            <v/>
          </cell>
          <cell r="C43" t="str">
            <v>号</v>
          </cell>
        </row>
        <row r="44">
          <cell r="B44" t="str">
            <v/>
          </cell>
          <cell r="C44" t="str">
            <v>号</v>
          </cell>
        </row>
        <row r="45">
          <cell r="B45" t="str">
            <v/>
          </cell>
          <cell r="C45" t="str">
            <v>号</v>
          </cell>
        </row>
        <row r="46">
          <cell r="B46" t="str">
            <v/>
          </cell>
          <cell r="C46" t="str">
            <v>号</v>
          </cell>
        </row>
        <row r="47">
          <cell r="B47" t="str">
            <v/>
          </cell>
          <cell r="C47" t="str">
            <v>号</v>
          </cell>
        </row>
        <row r="48">
          <cell r="B48" t="str">
            <v/>
          </cell>
          <cell r="C48" t="str">
            <v>号</v>
          </cell>
        </row>
        <row r="49">
          <cell r="B49" t="str">
            <v/>
          </cell>
          <cell r="C49" t="str">
            <v>号</v>
          </cell>
        </row>
        <row r="50">
          <cell r="B50" t="str">
            <v/>
          </cell>
          <cell r="C50" t="str">
            <v>号</v>
          </cell>
          <cell r="T50" t="str">
            <v>公開</v>
          </cell>
        </row>
        <row r="51">
          <cell r="B51" t="str">
            <v/>
          </cell>
          <cell r="C51" t="str">
            <v>号</v>
          </cell>
          <cell r="T51" t="str">
            <v>公開</v>
          </cell>
        </row>
        <row r="52">
          <cell r="B52" t="str">
            <v/>
          </cell>
          <cell r="C52" t="str">
            <v>号</v>
          </cell>
          <cell r="T52" t="str">
            <v>公開</v>
          </cell>
        </row>
        <row r="53">
          <cell r="B53" t="str">
            <v/>
          </cell>
          <cell r="C53" t="str">
            <v>号</v>
          </cell>
          <cell r="T53" t="str">
            <v>公開</v>
          </cell>
        </row>
        <row r="54">
          <cell r="B54" t="str">
            <v/>
          </cell>
          <cell r="C54" t="str">
            <v>号</v>
          </cell>
          <cell r="T54" t="str">
            <v>公開</v>
          </cell>
        </row>
        <row r="55">
          <cell r="B55" t="str">
            <v/>
          </cell>
          <cell r="C55" t="str">
            <v>号</v>
          </cell>
          <cell r="T55" t="str">
            <v>公開</v>
          </cell>
        </row>
        <row r="56">
          <cell r="B56" t="str">
            <v/>
          </cell>
          <cell r="C56" t="str">
            <v>号</v>
          </cell>
          <cell r="T56" t="str">
            <v>公開</v>
          </cell>
        </row>
        <row r="57">
          <cell r="B57" t="str">
            <v/>
          </cell>
          <cell r="C57" t="str">
            <v>号</v>
          </cell>
          <cell r="T57" t="str">
            <v>公開</v>
          </cell>
        </row>
        <row r="58">
          <cell r="B58" t="str">
            <v/>
          </cell>
          <cell r="C58" t="str">
            <v>号</v>
          </cell>
          <cell r="T58" t="str">
            <v>公開</v>
          </cell>
        </row>
        <row r="59">
          <cell r="B59" t="str">
            <v/>
          </cell>
          <cell r="C59" t="str">
            <v>号</v>
          </cell>
          <cell r="T59" t="str">
            <v>公開</v>
          </cell>
        </row>
        <row r="60">
          <cell r="B60" t="str">
            <v/>
          </cell>
          <cell r="C60" t="str">
            <v>号</v>
          </cell>
          <cell r="T60" t="str">
            <v>公開</v>
          </cell>
        </row>
        <row r="61">
          <cell r="B61" t="str">
            <v/>
          </cell>
          <cell r="C61" t="str">
            <v>号</v>
          </cell>
          <cell r="T61" t="str">
            <v>公開</v>
          </cell>
        </row>
        <row r="62">
          <cell r="B62" t="str">
            <v/>
          </cell>
          <cell r="C62" t="str">
            <v>号</v>
          </cell>
          <cell r="T62" t="str">
            <v>公開</v>
          </cell>
        </row>
        <row r="63">
          <cell r="B63" t="str">
            <v/>
          </cell>
          <cell r="C63" t="str">
            <v>号</v>
          </cell>
          <cell r="T63" t="str">
            <v>公開</v>
          </cell>
        </row>
        <row r="64">
          <cell r="B64" t="str">
            <v/>
          </cell>
          <cell r="C64" t="str">
            <v>号</v>
          </cell>
          <cell r="T64" t="str">
            <v>公開</v>
          </cell>
        </row>
        <row r="65">
          <cell r="B65" t="str">
            <v/>
          </cell>
          <cell r="C65" t="str">
            <v>号</v>
          </cell>
          <cell r="T65" t="str">
            <v>公開</v>
          </cell>
        </row>
        <row r="66">
          <cell r="B66" t="str">
            <v/>
          </cell>
          <cell r="C66" t="str">
            <v>号</v>
          </cell>
          <cell r="T66" t="str">
            <v>公開</v>
          </cell>
        </row>
        <row r="67">
          <cell r="B67" t="str">
            <v/>
          </cell>
          <cell r="C67" t="str">
            <v>号</v>
          </cell>
          <cell r="T67" t="str">
            <v>公開</v>
          </cell>
        </row>
        <row r="68">
          <cell r="B68" t="str">
            <v/>
          </cell>
          <cell r="C68" t="str">
            <v>号</v>
          </cell>
          <cell r="T68" t="str">
            <v>公開</v>
          </cell>
        </row>
        <row r="69">
          <cell r="B69" t="str">
            <v/>
          </cell>
          <cell r="C69" t="str">
            <v>号</v>
          </cell>
          <cell r="T69" t="str">
            <v>公開</v>
          </cell>
        </row>
        <row r="70">
          <cell r="B70" t="str">
            <v/>
          </cell>
          <cell r="C70" t="str">
            <v>号</v>
          </cell>
          <cell r="T70" t="str">
            <v>公開</v>
          </cell>
        </row>
        <row r="71">
          <cell r="B71" t="str">
            <v/>
          </cell>
          <cell r="C71" t="str">
            <v>号</v>
          </cell>
          <cell r="T71" t="str">
            <v>公開</v>
          </cell>
        </row>
        <row r="72">
          <cell r="B72" t="str">
            <v/>
          </cell>
          <cell r="C72" t="str">
            <v>号</v>
          </cell>
          <cell r="T72" t="str">
            <v>公開</v>
          </cell>
        </row>
        <row r="73">
          <cell r="B73" t="str">
            <v/>
          </cell>
          <cell r="C73" t="str">
            <v>号</v>
          </cell>
          <cell r="T73" t="str">
            <v>公開</v>
          </cell>
        </row>
        <row r="74">
          <cell r="B74" t="str">
            <v/>
          </cell>
          <cell r="C74" t="str">
            <v>号</v>
          </cell>
          <cell r="T74" t="str">
            <v>公開</v>
          </cell>
        </row>
        <row r="75">
          <cell r="B75" t="str">
            <v/>
          </cell>
          <cell r="C75" t="str">
            <v>号</v>
          </cell>
          <cell r="T75" t="str">
            <v>公開</v>
          </cell>
        </row>
        <row r="76">
          <cell r="B76" t="str">
            <v/>
          </cell>
          <cell r="C76" t="str">
            <v>号</v>
          </cell>
          <cell r="T76" t="str">
            <v>公開</v>
          </cell>
        </row>
        <row r="77">
          <cell r="B77" t="str">
            <v/>
          </cell>
          <cell r="C77" t="str">
            <v>号</v>
          </cell>
          <cell r="T77" t="str">
            <v>公開</v>
          </cell>
        </row>
        <row r="78">
          <cell r="B78" t="str">
            <v/>
          </cell>
          <cell r="C78" t="str">
            <v>号</v>
          </cell>
          <cell r="T78" t="str">
            <v>公開</v>
          </cell>
        </row>
        <row r="79">
          <cell r="B79" t="str">
            <v/>
          </cell>
          <cell r="C79" t="str">
            <v>号</v>
          </cell>
          <cell r="T79" t="str">
            <v>公開</v>
          </cell>
        </row>
        <row r="80">
          <cell r="B80" t="str">
            <v/>
          </cell>
          <cell r="C80" t="str">
            <v>号</v>
          </cell>
          <cell r="T80" t="str">
            <v>公開</v>
          </cell>
        </row>
        <row r="81">
          <cell r="B81" t="str">
            <v/>
          </cell>
          <cell r="C81" t="str">
            <v>号</v>
          </cell>
          <cell r="T81" t="str">
            <v>公開</v>
          </cell>
        </row>
        <row r="82">
          <cell r="B82" t="str">
            <v/>
          </cell>
          <cell r="C82" t="str">
            <v>号</v>
          </cell>
          <cell r="T82" t="str">
            <v>公開</v>
          </cell>
        </row>
        <row r="83">
          <cell r="B83" t="str">
            <v/>
          </cell>
          <cell r="C83" t="str">
            <v>号</v>
          </cell>
          <cell r="T83" t="str">
            <v>公開</v>
          </cell>
        </row>
        <row r="84">
          <cell r="B84" t="str">
            <v/>
          </cell>
          <cell r="C84" t="str">
            <v>号</v>
          </cell>
          <cell r="T84" t="str">
            <v>公開</v>
          </cell>
        </row>
        <row r="85">
          <cell r="B85" t="str">
            <v/>
          </cell>
          <cell r="C85" t="str">
            <v>号</v>
          </cell>
          <cell r="T85" t="str">
            <v>公開</v>
          </cell>
        </row>
        <row r="86">
          <cell r="B86" t="str">
            <v/>
          </cell>
          <cell r="C86" t="str">
            <v>号</v>
          </cell>
          <cell r="T86" t="str">
            <v>公開</v>
          </cell>
        </row>
        <row r="87">
          <cell r="B87" t="str">
            <v/>
          </cell>
          <cell r="C87" t="str">
            <v>号</v>
          </cell>
          <cell r="T87" t="str">
            <v>公開</v>
          </cell>
        </row>
        <row r="88">
          <cell r="B88" t="str">
            <v/>
          </cell>
          <cell r="C88" t="str">
            <v>号</v>
          </cell>
          <cell r="T88" t="str">
            <v>公開</v>
          </cell>
        </row>
        <row r="89">
          <cell r="B89" t="str">
            <v/>
          </cell>
          <cell r="C89" t="str">
            <v>号</v>
          </cell>
          <cell r="T89" t="str">
            <v>公開</v>
          </cell>
        </row>
        <row r="90">
          <cell r="B90" t="str">
            <v/>
          </cell>
          <cell r="C90" t="str">
            <v>号</v>
          </cell>
          <cell r="T90" t="str">
            <v>公開</v>
          </cell>
        </row>
        <row r="91">
          <cell r="B91" t="str">
            <v/>
          </cell>
          <cell r="C91" t="str">
            <v>号</v>
          </cell>
          <cell r="T91" t="str">
            <v>公開</v>
          </cell>
        </row>
        <row r="92">
          <cell r="B92" t="str">
            <v/>
          </cell>
          <cell r="C92" t="str">
            <v>号</v>
          </cell>
          <cell r="T92" t="str">
            <v>公開</v>
          </cell>
        </row>
        <row r="93">
          <cell r="B93" t="str">
            <v/>
          </cell>
          <cell r="C93" t="str">
            <v>号</v>
          </cell>
          <cell r="T93" t="str">
            <v>公開</v>
          </cell>
        </row>
        <row r="94">
          <cell r="B94" t="str">
            <v/>
          </cell>
          <cell r="C94" t="str">
            <v>号</v>
          </cell>
          <cell r="T94" t="str">
            <v>公開</v>
          </cell>
        </row>
        <row r="95">
          <cell r="B95" t="str">
            <v/>
          </cell>
          <cell r="C95" t="str">
            <v>号</v>
          </cell>
          <cell r="T95" t="str">
            <v>公開</v>
          </cell>
        </row>
        <row r="96">
          <cell r="B96" t="str">
            <v/>
          </cell>
          <cell r="C96" t="str">
            <v>号</v>
          </cell>
          <cell r="T96" t="str">
            <v>公開</v>
          </cell>
        </row>
        <row r="97">
          <cell r="B97" t="str">
            <v/>
          </cell>
          <cell r="C97" t="str">
            <v>号</v>
          </cell>
          <cell r="T97" t="str">
            <v>公開</v>
          </cell>
        </row>
        <row r="98">
          <cell r="B98" t="str">
            <v/>
          </cell>
          <cell r="C98" t="str">
            <v>号</v>
          </cell>
          <cell r="T98" t="str">
            <v>公開</v>
          </cell>
        </row>
        <row r="99">
          <cell r="B99" t="str">
            <v/>
          </cell>
          <cell r="C99" t="str">
            <v>号</v>
          </cell>
          <cell r="T99" t="str">
            <v>公開</v>
          </cell>
        </row>
        <row r="100">
          <cell r="B100" t="str">
            <v/>
          </cell>
          <cell r="C100" t="str">
            <v>号</v>
          </cell>
          <cell r="T100" t="str">
            <v>公開</v>
          </cell>
        </row>
        <row r="101">
          <cell r="B101" t="str">
            <v/>
          </cell>
          <cell r="C101" t="str">
            <v>号</v>
          </cell>
          <cell r="T101" t="str">
            <v>公開</v>
          </cell>
        </row>
        <row r="102">
          <cell r="B102" t="str">
            <v/>
          </cell>
          <cell r="C102" t="str">
            <v>号</v>
          </cell>
          <cell r="T102" t="str">
            <v>公開</v>
          </cell>
        </row>
        <row r="103">
          <cell r="B103" t="str">
            <v/>
          </cell>
          <cell r="C103" t="str">
            <v>号</v>
          </cell>
          <cell r="T103" t="str">
            <v>公開</v>
          </cell>
        </row>
        <row r="104">
          <cell r="B104" t="str">
            <v/>
          </cell>
          <cell r="C104" t="str">
            <v>号</v>
          </cell>
          <cell r="T104" t="str">
            <v>公開</v>
          </cell>
        </row>
        <row r="105">
          <cell r="B105" t="str">
            <v/>
          </cell>
          <cell r="C105" t="str">
            <v>号</v>
          </cell>
          <cell r="T105" t="str">
            <v>公開</v>
          </cell>
        </row>
        <row r="106">
          <cell r="B106" t="str">
            <v/>
          </cell>
          <cell r="C106" t="str">
            <v>号</v>
          </cell>
          <cell r="T106" t="str">
            <v>公開</v>
          </cell>
        </row>
        <row r="107">
          <cell r="B107" t="str">
            <v/>
          </cell>
          <cell r="C107" t="str">
            <v>号</v>
          </cell>
          <cell r="T107" t="str">
            <v>公開</v>
          </cell>
        </row>
        <row r="108">
          <cell r="B108" t="str">
            <v/>
          </cell>
          <cell r="C108" t="str">
            <v>号</v>
          </cell>
          <cell r="T108" t="str">
            <v>公開</v>
          </cell>
        </row>
        <row r="109">
          <cell r="B109" t="str">
            <v/>
          </cell>
          <cell r="C109" t="str">
            <v>号</v>
          </cell>
          <cell r="T109" t="str">
            <v>公開</v>
          </cell>
        </row>
        <row r="110">
          <cell r="B110" t="str">
            <v/>
          </cell>
          <cell r="C110" t="str">
            <v>号</v>
          </cell>
          <cell r="T110" t="str">
            <v>公開</v>
          </cell>
        </row>
        <row r="111">
          <cell r="B111" t="str">
            <v/>
          </cell>
          <cell r="C111" t="str">
            <v>号</v>
          </cell>
          <cell r="T111" t="str">
            <v>公開</v>
          </cell>
        </row>
        <row r="112">
          <cell r="B112" t="str">
            <v/>
          </cell>
          <cell r="C112" t="str">
            <v>号</v>
          </cell>
          <cell r="T112" t="str">
            <v>公開</v>
          </cell>
        </row>
        <row r="113">
          <cell r="B113" t="str">
            <v/>
          </cell>
          <cell r="C113" t="str">
            <v>号</v>
          </cell>
          <cell r="T113" t="str">
            <v>公開</v>
          </cell>
        </row>
        <row r="114">
          <cell r="B114" t="str">
            <v/>
          </cell>
          <cell r="C114" t="str">
            <v>号</v>
          </cell>
          <cell r="T114" t="str">
            <v>公開</v>
          </cell>
        </row>
        <row r="115">
          <cell r="B115" t="str">
            <v/>
          </cell>
          <cell r="C115" t="str">
            <v>号</v>
          </cell>
          <cell r="T115" t="str">
            <v>公開</v>
          </cell>
        </row>
        <row r="116">
          <cell r="B116" t="str">
            <v/>
          </cell>
          <cell r="C116" t="str">
            <v>号</v>
          </cell>
          <cell r="T116" t="str">
            <v>公開</v>
          </cell>
        </row>
        <row r="117">
          <cell r="B117" t="str">
            <v/>
          </cell>
          <cell r="C117" t="str">
            <v>号</v>
          </cell>
          <cell r="T117" t="str">
            <v>公開</v>
          </cell>
        </row>
        <row r="118">
          <cell r="B118" t="str">
            <v/>
          </cell>
          <cell r="C118" t="str">
            <v>号</v>
          </cell>
          <cell r="T118" t="str">
            <v>公開</v>
          </cell>
        </row>
        <row r="119">
          <cell r="B119" t="str">
            <v/>
          </cell>
          <cell r="C119" t="str">
            <v>号</v>
          </cell>
          <cell r="T119" t="str">
            <v>公開</v>
          </cell>
        </row>
        <row r="120">
          <cell r="B120" t="str">
            <v/>
          </cell>
          <cell r="C120" t="str">
            <v>号</v>
          </cell>
          <cell r="T120" t="str">
            <v>公開</v>
          </cell>
        </row>
        <row r="121">
          <cell r="B121" t="str">
            <v/>
          </cell>
          <cell r="C121" t="str">
            <v>号</v>
          </cell>
          <cell r="T121" t="str">
            <v>公開</v>
          </cell>
        </row>
        <row r="122">
          <cell r="B122" t="str">
            <v/>
          </cell>
          <cell r="C122" t="str">
            <v>号</v>
          </cell>
          <cell r="T122" t="str">
            <v>公開</v>
          </cell>
        </row>
        <row r="123">
          <cell r="B123" t="str">
            <v/>
          </cell>
          <cell r="C123" t="str">
            <v>号</v>
          </cell>
          <cell r="T123" t="str">
            <v>公開</v>
          </cell>
        </row>
        <row r="124">
          <cell r="B124" t="str">
            <v/>
          </cell>
          <cell r="C124" t="str">
            <v>号</v>
          </cell>
          <cell r="T124" t="str">
            <v>公開</v>
          </cell>
        </row>
        <row r="125">
          <cell r="B125" t="str">
            <v/>
          </cell>
          <cell r="C125" t="str">
            <v>号</v>
          </cell>
          <cell r="T125" t="str">
            <v>公開</v>
          </cell>
        </row>
        <row r="126">
          <cell r="B126" t="str">
            <v/>
          </cell>
          <cell r="C126" t="str">
            <v>号</v>
          </cell>
          <cell r="T126" t="str">
            <v>公開</v>
          </cell>
        </row>
        <row r="127">
          <cell r="B127" t="str">
            <v/>
          </cell>
          <cell r="C127" t="str">
            <v>号</v>
          </cell>
          <cell r="T127" t="str">
            <v>公開</v>
          </cell>
        </row>
        <row r="128">
          <cell r="B128" t="str">
            <v/>
          </cell>
          <cell r="C128" t="str">
            <v>号</v>
          </cell>
          <cell r="T128" t="str">
            <v>公開</v>
          </cell>
        </row>
        <row r="129">
          <cell r="B129" t="str">
            <v/>
          </cell>
          <cell r="C129" t="str">
            <v>号</v>
          </cell>
          <cell r="T129" t="str">
            <v>公開</v>
          </cell>
        </row>
      </sheetData>
      <sheetData sheetId="1"/>
      <sheetData sheetId="2"/>
      <sheetData sheetId="3"/>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調査票"/>
      <sheetName val="記入方法リスト"/>
      <sheetName val="入力規則シート（触らないで）"/>
      <sheetName val="Sheet5"/>
    </sheetNames>
    <sheetDataSet>
      <sheetData sheetId="0" refreshError="1"/>
      <sheetData sheetId="1">
        <row r="72">
          <cell r="B72">
            <v>1</v>
          </cell>
        </row>
        <row r="73">
          <cell r="B73" t="str">
            <v>2-1</v>
          </cell>
        </row>
        <row r="74">
          <cell r="B74" t="str">
            <v>2-2</v>
          </cell>
        </row>
        <row r="75">
          <cell r="B75" t="str">
            <v>2-3</v>
          </cell>
        </row>
        <row r="76">
          <cell r="B76" t="str">
            <v>3-1</v>
          </cell>
        </row>
        <row r="77">
          <cell r="B77" t="str">
            <v>3-2</v>
          </cell>
        </row>
        <row r="78">
          <cell r="B78" t="str">
            <v>3-3</v>
          </cell>
        </row>
        <row r="79">
          <cell r="B79" t="str">
            <v>3-4</v>
          </cell>
        </row>
        <row r="80">
          <cell r="B80" t="str">
            <v>4</v>
          </cell>
        </row>
        <row r="81">
          <cell r="B81" t="str">
            <v>5</v>
          </cell>
        </row>
      </sheetData>
      <sheetData sheetId="2">
        <row r="1">
          <cell r="A1" t="str">
            <v>1.大</v>
          </cell>
        </row>
        <row r="2">
          <cell r="A2" t="str">
            <v>2.改</v>
          </cell>
        </row>
        <row r="3">
          <cell r="A3" t="str">
            <v>3.人</v>
          </cell>
        </row>
        <row r="4">
          <cell r="A4" t="str">
            <v>4.政</v>
          </cell>
        </row>
        <row r="5">
          <cell r="A5" t="str">
            <v>5.危</v>
          </cell>
        </row>
        <row r="6">
          <cell r="A6" t="str">
            <v>6.経</v>
          </cell>
        </row>
        <row r="7">
          <cell r="A7" t="str">
            <v>7.中</v>
          </cell>
        </row>
        <row r="8">
          <cell r="A8" t="str">
            <v>8.総</v>
          </cell>
        </row>
        <row r="9">
          <cell r="A9" t="str">
            <v>9.市</v>
          </cell>
        </row>
        <row r="10">
          <cell r="A10" t="str">
            <v>10.財</v>
          </cell>
        </row>
        <row r="11">
          <cell r="A11" t="str">
            <v>11.契</v>
          </cell>
        </row>
        <row r="12">
          <cell r="A12" t="str">
            <v>12.計</v>
          </cell>
        </row>
        <row r="13">
          <cell r="A13" t="str">
            <v>13.福</v>
          </cell>
        </row>
        <row r="14">
          <cell r="A14" t="str">
            <v>14.健</v>
          </cell>
        </row>
        <row r="15">
          <cell r="A15" t="str">
            <v>15.こ</v>
          </cell>
        </row>
        <row r="16">
          <cell r="A16" t="str">
            <v>16.環</v>
          </cell>
        </row>
        <row r="17">
          <cell r="A17" t="str">
            <v>17.都</v>
          </cell>
        </row>
        <row r="18">
          <cell r="A18" t="str">
            <v>18.建</v>
          </cell>
        </row>
        <row r="19">
          <cell r="A19" t="str">
            <v>19.港</v>
          </cell>
        </row>
        <row r="20">
          <cell r="A20" t="str">
            <v>20.会</v>
          </cell>
        </row>
        <row r="21">
          <cell r="A21" t="str">
            <v>21.消</v>
          </cell>
        </row>
        <row r="22">
          <cell r="A22" t="str">
            <v>22.教</v>
          </cell>
        </row>
        <row r="23">
          <cell r="A23" t="str">
            <v>23.行</v>
          </cell>
        </row>
        <row r="24">
          <cell r="A24" t="str">
            <v>24.市会</v>
          </cell>
        </row>
        <row r="25">
          <cell r="A25" t="str">
            <v>25.高</v>
          </cell>
        </row>
        <row r="26">
          <cell r="A26" t="str">
            <v>26.自</v>
          </cell>
        </row>
        <row r="27">
          <cell r="A27" t="str">
            <v>27.水</v>
          </cell>
        </row>
        <row r="28">
          <cell r="A28" t="str">
            <v>28.工</v>
          </cell>
        </row>
        <row r="29">
          <cell r="A29" t="str">
            <v>29.病</v>
          </cell>
        </row>
        <row r="31">
          <cell r="A31">
            <v>1</v>
          </cell>
        </row>
        <row r="32">
          <cell r="A32" t="str">
            <v>2.ﾊｺ</v>
          </cell>
        </row>
        <row r="33">
          <cell r="A33" t="str">
            <v>3.ｲﾝ</v>
          </cell>
        </row>
        <row r="35">
          <cell r="A35" t="str">
            <v>1.新規</v>
          </cell>
        </row>
        <row r="36">
          <cell r="A36" t="str">
            <v>2.既存</v>
          </cell>
        </row>
        <row r="38">
          <cell r="A38" t="str">
            <v>1.裁量</v>
          </cell>
        </row>
        <row r="39">
          <cell r="A39" t="str">
            <v>2.非裁</v>
          </cell>
        </row>
        <row r="40">
          <cell r="A40" t="str">
            <v>3.重点</v>
          </cell>
        </row>
        <row r="42">
          <cell r="A42" t="str">
            <v>1.区CM</v>
          </cell>
        </row>
        <row r="44">
          <cell r="A44" t="str">
            <v>1.効果</v>
          </cell>
        </row>
        <row r="45">
          <cell r="A45" t="str">
            <v>2.見直し</v>
          </cell>
        </row>
        <row r="46">
          <cell r="A46" t="str">
            <v>3.再構築</v>
          </cell>
        </row>
        <row r="47">
          <cell r="A47" t="str">
            <v>4.なし</v>
          </cell>
        </row>
        <row r="49">
          <cell r="A49" t="str">
            <v>1.府市A</v>
          </cell>
        </row>
        <row r="50">
          <cell r="A50" t="str">
            <v>2.府市B</v>
          </cell>
        </row>
        <row r="51">
          <cell r="A51" t="str">
            <v>3.府市C</v>
          </cell>
        </row>
        <row r="52">
          <cell r="A52" t="str">
            <v>4.なし</v>
          </cell>
        </row>
        <row r="60">
          <cell r="A60" t="str">
            <v>1.有</v>
          </cell>
        </row>
        <row r="61">
          <cell r="A61" t="str">
            <v>2.無</v>
          </cell>
        </row>
        <row r="74">
          <cell r="A74" t="str">
            <v>1.公</v>
          </cell>
        </row>
        <row r="75">
          <cell r="A75" t="str">
            <v>2.貸</v>
          </cell>
        </row>
        <row r="76">
          <cell r="A76" t="str">
            <v>3.出</v>
          </cell>
        </row>
        <row r="77">
          <cell r="A77" t="str">
            <v>4.は</v>
          </cell>
        </row>
        <row r="78">
          <cell r="A78" t="str">
            <v>5.運</v>
          </cell>
        </row>
        <row r="79">
          <cell r="A79" t="str">
            <v>6.消</v>
          </cell>
        </row>
        <row r="80">
          <cell r="A80" t="str">
            <v>7.特</v>
          </cell>
        </row>
        <row r="81">
          <cell r="A81" t="str">
            <v>8.蓄</v>
          </cell>
        </row>
      </sheetData>
      <sheetData sheetId="3"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操作"/>
      <sheetName val="ﾌｫｰﾏｯﾄ"/>
      <sheetName val="入力リスト"/>
      <sheetName val="×総括"/>
      <sheetName val="検討フォーマット"/>
      <sheetName val="1億以上"/>
      <sheetName val="★総括"/>
      <sheetName val="公表用"/>
      <sheetName val="一覧"/>
      <sheetName val="印刷用表紙"/>
      <sheetName val="見本"/>
    </sheetNames>
    <sheetDataSet>
      <sheetData sheetId="0" refreshError="1"/>
      <sheetData sheetId="1" refreshError="1"/>
      <sheetData sheetId="2" refreshError="1">
        <row r="2">
          <cell r="B2" t="str">
            <v>政策企画室</v>
          </cell>
          <cell r="D2">
            <v>11001</v>
          </cell>
        </row>
        <row r="3">
          <cell r="B3" t="str">
            <v>情報公開室</v>
          </cell>
          <cell r="D3">
            <v>11003</v>
          </cell>
        </row>
        <row r="4">
          <cell r="B4" t="str">
            <v>市政改革室</v>
          </cell>
          <cell r="D4">
            <v>11009</v>
          </cell>
        </row>
        <row r="5">
          <cell r="B5" t="str">
            <v>危機管理室</v>
          </cell>
          <cell r="D5">
            <v>11013</v>
          </cell>
        </row>
        <row r="6">
          <cell r="B6" t="str">
            <v>総務局</v>
          </cell>
          <cell r="D6">
            <v>11014</v>
          </cell>
        </row>
        <row r="7">
          <cell r="B7" t="str">
            <v>市民局</v>
          </cell>
          <cell r="D7">
            <v>11017</v>
          </cell>
        </row>
        <row r="8">
          <cell r="B8" t="str">
            <v>財政局</v>
          </cell>
          <cell r="D8">
            <v>11018</v>
          </cell>
        </row>
        <row r="9">
          <cell r="B9" t="str">
            <v>契約管財局</v>
          </cell>
          <cell r="D9">
            <v>11019</v>
          </cell>
        </row>
        <row r="10">
          <cell r="B10" t="str">
            <v>計画調整局</v>
          </cell>
          <cell r="D10">
            <v>11020</v>
          </cell>
        </row>
        <row r="11">
          <cell r="B11" t="str">
            <v>健康福祉局</v>
          </cell>
          <cell r="D11">
            <v>11030</v>
          </cell>
        </row>
        <row r="12">
          <cell r="B12" t="str">
            <v>こども青少年局</v>
          </cell>
          <cell r="D12">
            <v>11032</v>
          </cell>
        </row>
        <row r="13">
          <cell r="B13" t="str">
            <v>ゆとりとみどり振興局</v>
          </cell>
          <cell r="D13">
            <v>11033</v>
          </cell>
        </row>
        <row r="14">
          <cell r="B14" t="str">
            <v>経済局</v>
          </cell>
          <cell r="D14">
            <v>11035</v>
          </cell>
        </row>
        <row r="15">
          <cell r="B15" t="str">
            <v>中央卸売市場</v>
          </cell>
          <cell r="D15">
            <v>12001</v>
          </cell>
        </row>
        <row r="16">
          <cell r="B16" t="str">
            <v>環境局</v>
          </cell>
          <cell r="D16">
            <v>12003</v>
          </cell>
        </row>
        <row r="17">
          <cell r="B17" t="str">
            <v>都市整備局</v>
          </cell>
          <cell r="D17">
            <v>12004</v>
          </cell>
        </row>
        <row r="18">
          <cell r="B18" t="str">
            <v>建設局</v>
          </cell>
          <cell r="D18">
            <v>12005</v>
          </cell>
        </row>
        <row r="19">
          <cell r="B19" t="str">
            <v>港湾局</v>
          </cell>
          <cell r="D19">
            <v>12007</v>
          </cell>
        </row>
        <row r="20">
          <cell r="B20" t="str">
            <v>会計室</v>
          </cell>
          <cell r="D20">
            <v>12010</v>
          </cell>
        </row>
        <row r="21">
          <cell r="B21" t="str">
            <v>消防局</v>
          </cell>
          <cell r="D21">
            <v>12011</v>
          </cell>
        </row>
        <row r="22">
          <cell r="B22" t="str">
            <v>交通局</v>
          </cell>
          <cell r="D22">
            <v>12012</v>
          </cell>
        </row>
        <row r="23">
          <cell r="B23" t="str">
            <v>水道局</v>
          </cell>
          <cell r="D23">
            <v>12014</v>
          </cell>
        </row>
        <row r="24">
          <cell r="B24" t="str">
            <v>病院局</v>
          </cell>
          <cell r="D24">
            <v>12015</v>
          </cell>
        </row>
        <row r="25">
          <cell r="B25" t="str">
            <v>教育委員会事務局</v>
          </cell>
          <cell r="D25">
            <v>13004</v>
          </cell>
        </row>
        <row r="26">
          <cell r="B26" t="str">
            <v>選挙管理委員会事務局</v>
          </cell>
          <cell r="D26">
            <v>13007</v>
          </cell>
        </row>
        <row r="27">
          <cell r="B27" t="str">
            <v>監査・人事制度事務総括局</v>
          </cell>
          <cell r="D27">
            <v>14004</v>
          </cell>
        </row>
        <row r="28">
          <cell r="B28" t="str">
            <v>市会事務局</v>
          </cell>
          <cell r="D28">
            <v>14008</v>
          </cell>
        </row>
        <row r="29">
          <cell r="B29" t="str">
            <v>北区役所</v>
          </cell>
          <cell r="D29">
            <v>14019</v>
          </cell>
        </row>
        <row r="30">
          <cell r="B30" t="str">
            <v>都島区役所</v>
          </cell>
          <cell r="D30">
            <v>14020</v>
          </cell>
        </row>
        <row r="31">
          <cell r="B31" t="str">
            <v>福島区役所</v>
          </cell>
          <cell r="D31">
            <v>14021</v>
          </cell>
        </row>
        <row r="32">
          <cell r="B32" t="str">
            <v>此花区役所</v>
          </cell>
          <cell r="D32">
            <v>14022</v>
          </cell>
        </row>
        <row r="33">
          <cell r="B33" t="str">
            <v>中央区役所</v>
          </cell>
          <cell r="D33">
            <v>15002</v>
          </cell>
        </row>
        <row r="34">
          <cell r="B34" t="str">
            <v>西区役所</v>
          </cell>
          <cell r="D34">
            <v>15003</v>
          </cell>
        </row>
        <row r="35">
          <cell r="B35" t="str">
            <v>港区役所</v>
          </cell>
          <cell r="D35">
            <v>15004</v>
          </cell>
        </row>
        <row r="36">
          <cell r="B36" t="str">
            <v>大正区役所</v>
          </cell>
          <cell r="D36">
            <v>15005</v>
          </cell>
        </row>
        <row r="37">
          <cell r="B37" t="str">
            <v>天王寺区役所</v>
          </cell>
          <cell r="D37">
            <v>15006</v>
          </cell>
        </row>
        <row r="38">
          <cell r="B38" t="str">
            <v>浪速区役所</v>
          </cell>
          <cell r="D38">
            <v>15008</v>
          </cell>
        </row>
        <row r="39">
          <cell r="B39" t="str">
            <v>西淀川区役所</v>
          </cell>
          <cell r="D39">
            <v>15009</v>
          </cell>
        </row>
        <row r="40">
          <cell r="B40" t="str">
            <v>淀川区役所</v>
          </cell>
          <cell r="D40">
            <v>15010</v>
          </cell>
        </row>
        <row r="41">
          <cell r="B41" t="str">
            <v>東淀川区役所</v>
          </cell>
          <cell r="D41">
            <v>15015</v>
          </cell>
        </row>
        <row r="42">
          <cell r="B42" t="str">
            <v>東成区役所</v>
          </cell>
          <cell r="D42">
            <v>15016</v>
          </cell>
        </row>
        <row r="43">
          <cell r="B43" t="str">
            <v>生野区役所</v>
          </cell>
          <cell r="D43">
            <v>15017</v>
          </cell>
        </row>
        <row r="44">
          <cell r="B44" t="str">
            <v>旭区役所</v>
          </cell>
          <cell r="D44">
            <v>15018</v>
          </cell>
        </row>
        <row r="45">
          <cell r="B45" t="str">
            <v>城東区役所</v>
          </cell>
          <cell r="D45">
            <v>15020</v>
          </cell>
        </row>
        <row r="46">
          <cell r="B46" t="str">
            <v>鶴見区役所</v>
          </cell>
          <cell r="D46">
            <v>15021</v>
          </cell>
        </row>
        <row r="47">
          <cell r="B47" t="str">
            <v>阿倍野区役所</v>
          </cell>
          <cell r="D47">
            <v>15022</v>
          </cell>
        </row>
        <row r="48">
          <cell r="B48" t="str">
            <v>住之江区役所</v>
          </cell>
          <cell r="D48">
            <v>15025</v>
          </cell>
        </row>
        <row r="49">
          <cell r="B49" t="str">
            <v>住吉区役所</v>
          </cell>
          <cell r="D49">
            <v>15028</v>
          </cell>
        </row>
        <row r="50">
          <cell r="B50" t="str">
            <v>東住吉区役所</v>
          </cell>
          <cell r="D50">
            <v>15030</v>
          </cell>
        </row>
        <row r="51">
          <cell r="B51" t="str">
            <v>平野区役所</v>
          </cell>
          <cell r="D51">
            <v>15031</v>
          </cell>
        </row>
        <row r="52">
          <cell r="B52" t="str">
            <v>西成区役所</v>
          </cell>
          <cell r="D52">
            <v>16004</v>
          </cell>
        </row>
        <row r="53">
          <cell r="D53">
            <v>16013</v>
          </cell>
        </row>
        <row r="54">
          <cell r="D54">
            <v>16014</v>
          </cell>
        </row>
        <row r="55">
          <cell r="D55">
            <v>16018</v>
          </cell>
        </row>
        <row r="56">
          <cell r="D56">
            <v>16020</v>
          </cell>
        </row>
        <row r="57">
          <cell r="D57">
            <v>16021</v>
          </cell>
        </row>
        <row r="58">
          <cell r="D58">
            <v>16025</v>
          </cell>
        </row>
        <row r="59">
          <cell r="D59">
            <v>16026</v>
          </cell>
        </row>
        <row r="60">
          <cell r="D60">
            <v>16027</v>
          </cell>
        </row>
        <row r="61">
          <cell r="D61">
            <v>16028</v>
          </cell>
        </row>
        <row r="62">
          <cell r="D62">
            <v>16029</v>
          </cell>
        </row>
        <row r="63">
          <cell r="D63">
            <v>16030</v>
          </cell>
        </row>
        <row r="64">
          <cell r="D64">
            <v>16031</v>
          </cell>
        </row>
        <row r="65">
          <cell r="D65">
            <v>16032</v>
          </cell>
        </row>
        <row r="66">
          <cell r="D66">
            <v>16033</v>
          </cell>
        </row>
        <row r="67">
          <cell r="D67">
            <v>16034</v>
          </cell>
        </row>
        <row r="68">
          <cell r="D68">
            <v>16035</v>
          </cell>
        </row>
        <row r="69">
          <cell r="D69">
            <v>16037</v>
          </cell>
        </row>
        <row r="70">
          <cell r="D70">
            <v>16038</v>
          </cell>
        </row>
        <row r="71">
          <cell r="D71">
            <v>16039</v>
          </cell>
        </row>
        <row r="72">
          <cell r="D72">
            <v>16040</v>
          </cell>
        </row>
        <row r="73">
          <cell r="D73">
            <v>16041</v>
          </cell>
        </row>
        <row r="74">
          <cell r="D74">
            <v>16042</v>
          </cell>
        </row>
        <row r="75">
          <cell r="D75">
            <v>16045</v>
          </cell>
        </row>
        <row r="76">
          <cell r="D76">
            <v>16046</v>
          </cell>
        </row>
        <row r="77">
          <cell r="D77">
            <v>16047</v>
          </cell>
        </row>
        <row r="78">
          <cell r="D78">
            <v>16048</v>
          </cell>
        </row>
        <row r="79">
          <cell r="D79">
            <v>16049</v>
          </cell>
        </row>
        <row r="80">
          <cell r="D80">
            <v>16050</v>
          </cell>
        </row>
        <row r="81">
          <cell r="D81">
            <v>16051</v>
          </cell>
        </row>
        <row r="82">
          <cell r="D82">
            <v>16061</v>
          </cell>
        </row>
        <row r="83">
          <cell r="D83">
            <v>16064</v>
          </cell>
        </row>
        <row r="84">
          <cell r="D84">
            <v>16067</v>
          </cell>
        </row>
        <row r="85">
          <cell r="D85">
            <v>16068</v>
          </cell>
        </row>
        <row r="86">
          <cell r="D86">
            <v>16069</v>
          </cell>
        </row>
        <row r="87">
          <cell r="D87">
            <v>16071</v>
          </cell>
        </row>
        <row r="88">
          <cell r="D88">
            <v>16072</v>
          </cell>
        </row>
        <row r="89">
          <cell r="D89">
            <v>16073</v>
          </cell>
        </row>
        <row r="90">
          <cell r="D90">
            <v>16075</v>
          </cell>
        </row>
        <row r="91">
          <cell r="D91">
            <v>16083</v>
          </cell>
        </row>
        <row r="92">
          <cell r="D92">
            <v>16086</v>
          </cell>
        </row>
        <row r="93">
          <cell r="D93">
            <v>16101</v>
          </cell>
        </row>
        <row r="94">
          <cell r="D94">
            <v>16103</v>
          </cell>
        </row>
        <row r="95">
          <cell r="D95">
            <v>16104</v>
          </cell>
        </row>
        <row r="96">
          <cell r="D96">
            <v>16105</v>
          </cell>
        </row>
        <row r="97">
          <cell r="D97">
            <v>16106</v>
          </cell>
        </row>
        <row r="98">
          <cell r="D98">
            <v>16108</v>
          </cell>
        </row>
        <row r="99">
          <cell r="D99">
            <v>16109</v>
          </cell>
        </row>
        <row r="100">
          <cell r="D100">
            <v>16110</v>
          </cell>
        </row>
        <row r="101">
          <cell r="D101">
            <v>16111</v>
          </cell>
        </row>
        <row r="102">
          <cell r="D102">
            <v>16112</v>
          </cell>
        </row>
        <row r="103">
          <cell r="D103">
            <v>16113</v>
          </cell>
        </row>
        <row r="104">
          <cell r="D104">
            <v>16114</v>
          </cell>
        </row>
        <row r="105">
          <cell r="D105">
            <v>16115</v>
          </cell>
        </row>
        <row r="106">
          <cell r="D106">
            <v>17001</v>
          </cell>
        </row>
        <row r="107">
          <cell r="D107">
            <v>17004</v>
          </cell>
        </row>
        <row r="108">
          <cell r="D108">
            <v>17005</v>
          </cell>
        </row>
        <row r="109">
          <cell r="D109">
            <v>17010</v>
          </cell>
        </row>
        <row r="110">
          <cell r="D110">
            <v>17011</v>
          </cell>
        </row>
        <row r="111">
          <cell r="D111">
            <v>17013</v>
          </cell>
        </row>
        <row r="112">
          <cell r="D112">
            <v>17014</v>
          </cell>
        </row>
        <row r="113">
          <cell r="D113">
            <v>17015</v>
          </cell>
        </row>
        <row r="114">
          <cell r="D114">
            <v>17019</v>
          </cell>
        </row>
        <row r="115">
          <cell r="D115">
            <v>18001</v>
          </cell>
        </row>
        <row r="116">
          <cell r="D116">
            <v>18002</v>
          </cell>
        </row>
        <row r="117">
          <cell r="D117">
            <v>18003</v>
          </cell>
        </row>
        <row r="118">
          <cell r="D118">
            <v>18004</v>
          </cell>
        </row>
        <row r="119">
          <cell r="D119">
            <v>18008</v>
          </cell>
        </row>
        <row r="120">
          <cell r="D120">
            <v>19002</v>
          </cell>
        </row>
        <row r="121">
          <cell r="D121">
            <v>19003</v>
          </cell>
        </row>
        <row r="122">
          <cell r="D122">
            <v>19005</v>
          </cell>
        </row>
        <row r="123">
          <cell r="D123">
            <v>19006</v>
          </cell>
        </row>
        <row r="124">
          <cell r="D124">
            <v>19007</v>
          </cell>
        </row>
        <row r="125">
          <cell r="D125">
            <v>19010</v>
          </cell>
        </row>
        <row r="126">
          <cell r="D126">
            <v>19032</v>
          </cell>
        </row>
        <row r="127">
          <cell r="D127">
            <v>19036</v>
          </cell>
        </row>
        <row r="128">
          <cell r="D128">
            <v>19040</v>
          </cell>
        </row>
        <row r="129">
          <cell r="D129">
            <v>19055</v>
          </cell>
        </row>
        <row r="130">
          <cell r="D130">
            <v>19058</v>
          </cell>
        </row>
        <row r="131">
          <cell r="D131">
            <v>19059</v>
          </cell>
        </row>
        <row r="132">
          <cell r="D132">
            <v>19060</v>
          </cell>
        </row>
        <row r="133">
          <cell r="D133">
            <v>19061</v>
          </cell>
        </row>
        <row r="134">
          <cell r="D134">
            <v>19070</v>
          </cell>
        </row>
        <row r="135">
          <cell r="D135">
            <v>19081</v>
          </cell>
        </row>
        <row r="136">
          <cell r="D136">
            <v>19086</v>
          </cell>
        </row>
        <row r="137">
          <cell r="D137">
            <v>19087</v>
          </cell>
        </row>
        <row r="138">
          <cell r="D138">
            <v>19088</v>
          </cell>
        </row>
        <row r="139">
          <cell r="D139">
            <v>19089</v>
          </cell>
        </row>
        <row r="140">
          <cell r="D140">
            <v>19097</v>
          </cell>
        </row>
        <row r="141">
          <cell r="D141">
            <v>19099</v>
          </cell>
        </row>
        <row r="142">
          <cell r="D142">
            <v>19100</v>
          </cell>
        </row>
        <row r="143">
          <cell r="D143">
            <v>19102</v>
          </cell>
        </row>
        <row r="144">
          <cell r="D144">
            <v>19103</v>
          </cell>
        </row>
        <row r="145">
          <cell r="D145">
            <v>19109</v>
          </cell>
        </row>
        <row r="146">
          <cell r="D146">
            <v>19115</v>
          </cell>
        </row>
        <row r="147">
          <cell r="D147">
            <v>19116</v>
          </cell>
        </row>
        <row r="148">
          <cell r="D148">
            <v>19118</v>
          </cell>
        </row>
        <row r="149">
          <cell r="D149">
            <v>19119</v>
          </cell>
        </row>
        <row r="150">
          <cell r="D150">
            <v>19120</v>
          </cell>
        </row>
        <row r="151">
          <cell r="D151">
            <v>19133</v>
          </cell>
        </row>
        <row r="152">
          <cell r="D152">
            <v>19150</v>
          </cell>
        </row>
        <row r="153">
          <cell r="D153">
            <v>19152</v>
          </cell>
        </row>
        <row r="154">
          <cell r="D154">
            <v>19155</v>
          </cell>
        </row>
        <row r="155">
          <cell r="D155">
            <v>19156</v>
          </cell>
        </row>
        <row r="156">
          <cell r="D156">
            <v>19167</v>
          </cell>
        </row>
        <row r="157">
          <cell r="D157">
            <v>19168</v>
          </cell>
        </row>
        <row r="158">
          <cell r="D158">
            <v>20004</v>
          </cell>
        </row>
        <row r="159">
          <cell r="D159">
            <v>20005</v>
          </cell>
        </row>
        <row r="160">
          <cell r="D160">
            <v>20007</v>
          </cell>
        </row>
        <row r="161">
          <cell r="D161">
            <v>20010</v>
          </cell>
        </row>
        <row r="162">
          <cell r="D162">
            <v>20011</v>
          </cell>
        </row>
        <row r="163">
          <cell r="D163">
            <v>20012</v>
          </cell>
        </row>
        <row r="164">
          <cell r="D164">
            <v>20013</v>
          </cell>
        </row>
        <row r="165">
          <cell r="D165">
            <v>20015</v>
          </cell>
        </row>
        <row r="166">
          <cell r="D166">
            <v>20018</v>
          </cell>
        </row>
        <row r="167">
          <cell r="D167">
            <v>20027</v>
          </cell>
        </row>
        <row r="168">
          <cell r="D168">
            <v>20029</v>
          </cell>
        </row>
        <row r="169">
          <cell r="D169">
            <v>20030</v>
          </cell>
        </row>
        <row r="170">
          <cell r="D170">
            <v>20031</v>
          </cell>
        </row>
        <row r="171">
          <cell r="D171">
            <v>20032</v>
          </cell>
        </row>
        <row r="172">
          <cell r="D172">
            <v>20033</v>
          </cell>
        </row>
        <row r="173">
          <cell r="D173">
            <v>20034</v>
          </cell>
        </row>
        <row r="174">
          <cell r="D174">
            <v>20038</v>
          </cell>
        </row>
        <row r="175">
          <cell r="D175">
            <v>20040</v>
          </cell>
        </row>
        <row r="176">
          <cell r="D176">
            <v>20042</v>
          </cell>
        </row>
        <row r="177">
          <cell r="D177">
            <v>20043</v>
          </cell>
        </row>
        <row r="178">
          <cell r="D178">
            <v>20044</v>
          </cell>
        </row>
        <row r="179">
          <cell r="D179">
            <v>20045</v>
          </cell>
        </row>
        <row r="180">
          <cell r="D180">
            <v>20046</v>
          </cell>
        </row>
        <row r="181">
          <cell r="D181">
            <v>20049</v>
          </cell>
        </row>
        <row r="182">
          <cell r="D182">
            <v>20052</v>
          </cell>
        </row>
        <row r="183">
          <cell r="D183">
            <v>20056</v>
          </cell>
        </row>
        <row r="184">
          <cell r="D184">
            <v>20066</v>
          </cell>
        </row>
        <row r="185">
          <cell r="D185">
            <v>20067</v>
          </cell>
        </row>
        <row r="186">
          <cell r="D186">
            <v>20071</v>
          </cell>
        </row>
        <row r="187">
          <cell r="D187">
            <v>20072</v>
          </cell>
        </row>
        <row r="188">
          <cell r="D188">
            <v>20076</v>
          </cell>
        </row>
        <row r="189">
          <cell r="D189">
            <v>20077</v>
          </cell>
        </row>
        <row r="190">
          <cell r="D190">
            <v>20078</v>
          </cell>
        </row>
        <row r="191">
          <cell r="D191">
            <v>20079</v>
          </cell>
        </row>
        <row r="192">
          <cell r="D192">
            <v>20080</v>
          </cell>
        </row>
        <row r="193">
          <cell r="D193">
            <v>20082</v>
          </cell>
        </row>
        <row r="194">
          <cell r="D194">
            <v>20084</v>
          </cell>
        </row>
        <row r="195">
          <cell r="D195">
            <v>20085</v>
          </cell>
        </row>
        <row r="196">
          <cell r="D196">
            <v>20087</v>
          </cell>
        </row>
        <row r="197">
          <cell r="D197">
            <v>20090</v>
          </cell>
        </row>
        <row r="198">
          <cell r="D198">
            <v>20091</v>
          </cell>
        </row>
        <row r="199">
          <cell r="D199">
            <v>20092</v>
          </cell>
        </row>
        <row r="200">
          <cell r="D200">
            <v>20094</v>
          </cell>
        </row>
        <row r="201">
          <cell r="D201">
            <v>20101</v>
          </cell>
        </row>
        <row r="202">
          <cell r="D202">
            <v>20102</v>
          </cell>
        </row>
        <row r="203">
          <cell r="D203">
            <v>20103</v>
          </cell>
        </row>
        <row r="204">
          <cell r="D204">
            <v>20104</v>
          </cell>
        </row>
        <row r="205">
          <cell r="D205">
            <v>20105</v>
          </cell>
        </row>
        <row r="206">
          <cell r="D206">
            <v>20106</v>
          </cell>
        </row>
        <row r="207">
          <cell r="D207">
            <v>20107</v>
          </cell>
        </row>
        <row r="208">
          <cell r="D208">
            <v>20108</v>
          </cell>
        </row>
        <row r="209">
          <cell r="D209">
            <v>20109</v>
          </cell>
        </row>
        <row r="210">
          <cell r="D210">
            <v>20110</v>
          </cell>
        </row>
        <row r="211">
          <cell r="D211">
            <v>20111</v>
          </cell>
        </row>
        <row r="212">
          <cell r="D212">
            <v>20114</v>
          </cell>
        </row>
        <row r="213">
          <cell r="D213">
            <v>20117</v>
          </cell>
        </row>
        <row r="214">
          <cell r="D214">
            <v>20118</v>
          </cell>
        </row>
        <row r="215">
          <cell r="D215">
            <v>20119</v>
          </cell>
        </row>
        <row r="216">
          <cell r="D216">
            <v>20120</v>
          </cell>
        </row>
        <row r="217">
          <cell r="D217">
            <v>20121</v>
          </cell>
        </row>
        <row r="218">
          <cell r="D218">
            <v>20122</v>
          </cell>
        </row>
        <row r="219">
          <cell r="D219">
            <v>20130</v>
          </cell>
        </row>
        <row r="220">
          <cell r="D220">
            <v>20138</v>
          </cell>
        </row>
        <row r="221">
          <cell r="D221">
            <v>20139</v>
          </cell>
        </row>
        <row r="222">
          <cell r="D222">
            <v>20140</v>
          </cell>
        </row>
        <row r="223">
          <cell r="D223">
            <v>20141</v>
          </cell>
        </row>
        <row r="224">
          <cell r="D224">
            <v>20143</v>
          </cell>
        </row>
        <row r="225">
          <cell r="D225">
            <v>20146</v>
          </cell>
        </row>
        <row r="226">
          <cell r="D226">
            <v>20153</v>
          </cell>
        </row>
        <row r="227">
          <cell r="D227">
            <v>20160</v>
          </cell>
        </row>
        <row r="228">
          <cell r="D228">
            <v>20162</v>
          </cell>
        </row>
        <row r="229">
          <cell r="D229">
            <v>20163</v>
          </cell>
        </row>
        <row r="230">
          <cell r="D230">
            <v>20164</v>
          </cell>
        </row>
        <row r="231">
          <cell r="D231">
            <v>20165</v>
          </cell>
        </row>
        <row r="232">
          <cell r="D232">
            <v>20166</v>
          </cell>
        </row>
        <row r="233">
          <cell r="D233">
            <v>20168</v>
          </cell>
        </row>
        <row r="234">
          <cell r="D234">
            <v>20169</v>
          </cell>
        </row>
        <row r="235">
          <cell r="D235">
            <v>20170</v>
          </cell>
        </row>
        <row r="236">
          <cell r="D236">
            <v>20172</v>
          </cell>
        </row>
        <row r="237">
          <cell r="D237">
            <v>20173</v>
          </cell>
        </row>
        <row r="238">
          <cell r="D238">
            <v>20174</v>
          </cell>
        </row>
        <row r="239">
          <cell r="D239">
            <v>20175</v>
          </cell>
        </row>
        <row r="240">
          <cell r="D240">
            <v>20176</v>
          </cell>
        </row>
        <row r="241">
          <cell r="D241">
            <v>20177</v>
          </cell>
        </row>
        <row r="242">
          <cell r="D242">
            <v>20191</v>
          </cell>
        </row>
        <row r="243">
          <cell r="D243">
            <v>20192</v>
          </cell>
        </row>
        <row r="244">
          <cell r="D244">
            <v>20193</v>
          </cell>
        </row>
        <row r="245">
          <cell r="D245">
            <v>20198</v>
          </cell>
        </row>
        <row r="246">
          <cell r="D246">
            <v>20200</v>
          </cell>
        </row>
        <row r="247">
          <cell r="D247">
            <v>20202</v>
          </cell>
        </row>
        <row r="248">
          <cell r="D248">
            <v>20203</v>
          </cell>
        </row>
        <row r="249">
          <cell r="D249">
            <v>20205</v>
          </cell>
        </row>
        <row r="250">
          <cell r="D250">
            <v>20208</v>
          </cell>
        </row>
        <row r="251">
          <cell r="D251">
            <v>20209</v>
          </cell>
        </row>
        <row r="252">
          <cell r="D252">
            <v>20210</v>
          </cell>
        </row>
        <row r="253">
          <cell r="D253">
            <v>20215</v>
          </cell>
        </row>
        <row r="254">
          <cell r="D254">
            <v>20220</v>
          </cell>
        </row>
        <row r="255">
          <cell r="D255">
            <v>20222</v>
          </cell>
        </row>
        <row r="256">
          <cell r="D256">
            <v>20231</v>
          </cell>
        </row>
        <row r="257">
          <cell r="D257">
            <v>20234</v>
          </cell>
        </row>
        <row r="258">
          <cell r="D258">
            <v>20267</v>
          </cell>
        </row>
        <row r="259">
          <cell r="D259">
            <v>20301</v>
          </cell>
        </row>
        <row r="260">
          <cell r="D260">
            <v>20303</v>
          </cell>
        </row>
        <row r="261">
          <cell r="D261">
            <v>20305</v>
          </cell>
        </row>
        <row r="262">
          <cell r="D262">
            <v>20307</v>
          </cell>
        </row>
        <row r="263">
          <cell r="D263">
            <v>20309</v>
          </cell>
        </row>
        <row r="264">
          <cell r="D264">
            <v>20310</v>
          </cell>
        </row>
        <row r="265">
          <cell r="D265">
            <v>20315</v>
          </cell>
        </row>
        <row r="266">
          <cell r="D266">
            <v>20316</v>
          </cell>
        </row>
        <row r="267">
          <cell r="D267">
            <v>20317</v>
          </cell>
        </row>
        <row r="268">
          <cell r="D268">
            <v>20318</v>
          </cell>
        </row>
        <row r="269">
          <cell r="D269">
            <v>20319</v>
          </cell>
        </row>
        <row r="270">
          <cell r="D270">
            <v>20320</v>
          </cell>
        </row>
        <row r="271">
          <cell r="D271">
            <v>20321</v>
          </cell>
        </row>
        <row r="272">
          <cell r="D272">
            <v>20322</v>
          </cell>
        </row>
        <row r="273">
          <cell r="D273">
            <v>20323</v>
          </cell>
        </row>
        <row r="274">
          <cell r="D274">
            <v>20324</v>
          </cell>
        </row>
        <row r="275">
          <cell r="D275">
            <v>20325</v>
          </cell>
        </row>
        <row r="276">
          <cell r="D276">
            <v>20328</v>
          </cell>
        </row>
        <row r="277">
          <cell r="D277">
            <v>20329</v>
          </cell>
        </row>
        <row r="278">
          <cell r="D278">
            <v>20330</v>
          </cell>
        </row>
        <row r="279">
          <cell r="D279">
            <v>20331</v>
          </cell>
        </row>
        <row r="280">
          <cell r="D280">
            <v>20335</v>
          </cell>
        </row>
        <row r="281">
          <cell r="D281">
            <v>20339</v>
          </cell>
        </row>
        <row r="282">
          <cell r="D282">
            <v>20340</v>
          </cell>
        </row>
        <row r="283">
          <cell r="D283">
            <v>20341</v>
          </cell>
        </row>
        <row r="284">
          <cell r="D284">
            <v>20342</v>
          </cell>
        </row>
        <row r="285">
          <cell r="D285">
            <v>20343</v>
          </cell>
        </row>
        <row r="286">
          <cell r="D286">
            <v>20344</v>
          </cell>
        </row>
        <row r="287">
          <cell r="D287">
            <v>20348</v>
          </cell>
        </row>
        <row r="288">
          <cell r="D288">
            <v>20355</v>
          </cell>
        </row>
        <row r="289">
          <cell r="D289">
            <v>20357</v>
          </cell>
        </row>
        <row r="290">
          <cell r="D290">
            <v>20359</v>
          </cell>
        </row>
        <row r="291">
          <cell r="D291">
            <v>20360</v>
          </cell>
        </row>
        <row r="292">
          <cell r="D292">
            <v>20362</v>
          </cell>
        </row>
        <row r="293">
          <cell r="D293">
            <v>20364</v>
          </cell>
        </row>
        <row r="294">
          <cell r="D294">
            <v>20367</v>
          </cell>
        </row>
        <row r="295">
          <cell r="D295">
            <v>20371</v>
          </cell>
        </row>
        <row r="296">
          <cell r="D296">
            <v>20372</v>
          </cell>
        </row>
        <row r="297">
          <cell r="D297">
            <v>20373</v>
          </cell>
        </row>
        <row r="298">
          <cell r="D298">
            <v>20377</v>
          </cell>
        </row>
        <row r="299">
          <cell r="D299">
            <v>20380</v>
          </cell>
        </row>
        <row r="300">
          <cell r="D300">
            <v>20383</v>
          </cell>
        </row>
        <row r="301">
          <cell r="D301">
            <v>20390</v>
          </cell>
        </row>
        <row r="302">
          <cell r="D302">
            <v>20393</v>
          </cell>
        </row>
        <row r="303">
          <cell r="D303">
            <v>20399</v>
          </cell>
        </row>
        <row r="304">
          <cell r="D304">
            <v>20401</v>
          </cell>
        </row>
        <row r="305">
          <cell r="D305">
            <v>20407</v>
          </cell>
        </row>
        <row r="306">
          <cell r="D306">
            <v>20413</v>
          </cell>
        </row>
        <row r="307">
          <cell r="D307">
            <v>20417</v>
          </cell>
        </row>
        <row r="308">
          <cell r="D308">
            <v>20422</v>
          </cell>
        </row>
        <row r="309">
          <cell r="D309">
            <v>20424</v>
          </cell>
        </row>
        <row r="310">
          <cell r="D310">
            <v>20426</v>
          </cell>
        </row>
        <row r="311">
          <cell r="D311">
            <v>20428</v>
          </cell>
        </row>
        <row r="312">
          <cell r="D312">
            <v>20430</v>
          </cell>
        </row>
        <row r="313">
          <cell r="D313">
            <v>20431</v>
          </cell>
        </row>
        <row r="314">
          <cell r="D314">
            <v>20433</v>
          </cell>
        </row>
        <row r="315">
          <cell r="D315">
            <v>20434</v>
          </cell>
        </row>
        <row r="316">
          <cell r="D316">
            <v>20435</v>
          </cell>
        </row>
        <row r="317">
          <cell r="D317">
            <v>20437</v>
          </cell>
        </row>
        <row r="318">
          <cell r="D318">
            <v>20441</v>
          </cell>
        </row>
        <row r="319">
          <cell r="D319">
            <v>20444</v>
          </cell>
        </row>
        <row r="320">
          <cell r="D320">
            <v>20446</v>
          </cell>
        </row>
        <row r="321">
          <cell r="D321">
            <v>20447</v>
          </cell>
        </row>
        <row r="322">
          <cell r="D322">
            <v>20448</v>
          </cell>
        </row>
        <row r="323">
          <cell r="D323">
            <v>20449</v>
          </cell>
        </row>
        <row r="324">
          <cell r="D324">
            <v>20450</v>
          </cell>
        </row>
        <row r="325">
          <cell r="D325">
            <v>20451</v>
          </cell>
        </row>
        <row r="326">
          <cell r="D326">
            <v>20453</v>
          </cell>
        </row>
        <row r="327">
          <cell r="D327">
            <v>20455</v>
          </cell>
        </row>
        <row r="328">
          <cell r="D328">
            <v>20456</v>
          </cell>
        </row>
        <row r="329">
          <cell r="D329">
            <v>20463</v>
          </cell>
        </row>
        <row r="330">
          <cell r="D330">
            <v>20464</v>
          </cell>
        </row>
        <row r="331">
          <cell r="D331">
            <v>20466</v>
          </cell>
        </row>
        <row r="332">
          <cell r="D332">
            <v>20478</v>
          </cell>
        </row>
        <row r="333">
          <cell r="D333">
            <v>20480</v>
          </cell>
        </row>
        <row r="334">
          <cell r="D334">
            <v>20482</v>
          </cell>
        </row>
        <row r="335">
          <cell r="D335">
            <v>20484</v>
          </cell>
        </row>
        <row r="336">
          <cell r="D336">
            <v>20485</v>
          </cell>
        </row>
        <row r="337">
          <cell r="D337">
            <v>20487</v>
          </cell>
        </row>
        <row r="338">
          <cell r="D338">
            <v>20488</v>
          </cell>
        </row>
        <row r="339">
          <cell r="D339">
            <v>20492</v>
          </cell>
        </row>
        <row r="340">
          <cell r="D340">
            <v>20495</v>
          </cell>
        </row>
        <row r="341">
          <cell r="D341">
            <v>20496</v>
          </cell>
        </row>
        <row r="342">
          <cell r="D342">
            <v>20499</v>
          </cell>
        </row>
        <row r="343">
          <cell r="D343">
            <v>20501</v>
          </cell>
        </row>
        <row r="344">
          <cell r="D344">
            <v>20506</v>
          </cell>
        </row>
        <row r="345">
          <cell r="D345">
            <v>20531</v>
          </cell>
        </row>
        <row r="346">
          <cell r="D346">
            <v>20546</v>
          </cell>
        </row>
        <row r="347">
          <cell r="D347">
            <v>20562</v>
          </cell>
        </row>
        <row r="348">
          <cell r="D348">
            <v>20580</v>
          </cell>
        </row>
        <row r="349">
          <cell r="D349">
            <v>20585</v>
          </cell>
        </row>
        <row r="350">
          <cell r="D350">
            <v>20589</v>
          </cell>
        </row>
        <row r="351">
          <cell r="D351">
            <v>20590</v>
          </cell>
        </row>
        <row r="352">
          <cell r="D352">
            <v>20591</v>
          </cell>
        </row>
        <row r="353">
          <cell r="D353">
            <v>20602</v>
          </cell>
        </row>
        <row r="354">
          <cell r="D354">
            <v>20614</v>
          </cell>
        </row>
        <row r="355">
          <cell r="D355">
            <v>20627</v>
          </cell>
        </row>
        <row r="356">
          <cell r="D356">
            <v>20631</v>
          </cell>
        </row>
        <row r="357">
          <cell r="D357">
            <v>20655</v>
          </cell>
        </row>
        <row r="358">
          <cell r="D358">
            <v>20659</v>
          </cell>
        </row>
        <row r="359">
          <cell r="D359">
            <v>20661</v>
          </cell>
        </row>
        <row r="360">
          <cell r="D360">
            <v>20675</v>
          </cell>
        </row>
        <row r="361">
          <cell r="D361">
            <v>21005</v>
          </cell>
        </row>
        <row r="362">
          <cell r="D362">
            <v>21006</v>
          </cell>
        </row>
        <row r="363">
          <cell r="D363">
            <v>21009</v>
          </cell>
        </row>
        <row r="364">
          <cell r="D364">
            <v>21010</v>
          </cell>
        </row>
        <row r="365">
          <cell r="D365">
            <v>21012</v>
          </cell>
        </row>
        <row r="366">
          <cell r="D366">
            <v>21013</v>
          </cell>
        </row>
        <row r="367">
          <cell r="D367">
            <v>21014</v>
          </cell>
        </row>
        <row r="368">
          <cell r="D368">
            <v>21016</v>
          </cell>
        </row>
        <row r="369">
          <cell r="D369">
            <v>21019</v>
          </cell>
        </row>
        <row r="370">
          <cell r="D370">
            <v>21023</v>
          </cell>
        </row>
        <row r="371">
          <cell r="D371">
            <v>21027</v>
          </cell>
        </row>
        <row r="372">
          <cell r="D372">
            <v>21030</v>
          </cell>
        </row>
        <row r="373">
          <cell r="D373">
            <v>21031</v>
          </cell>
        </row>
        <row r="374">
          <cell r="D374">
            <v>21032</v>
          </cell>
        </row>
        <row r="375">
          <cell r="D375">
            <v>21033</v>
          </cell>
        </row>
        <row r="376">
          <cell r="D376">
            <v>21041</v>
          </cell>
        </row>
        <row r="377">
          <cell r="D377">
            <v>21049</v>
          </cell>
        </row>
        <row r="378">
          <cell r="D378">
            <v>21050</v>
          </cell>
        </row>
        <row r="379">
          <cell r="D379">
            <v>21052</v>
          </cell>
        </row>
        <row r="380">
          <cell r="D380">
            <v>21053</v>
          </cell>
        </row>
        <row r="381">
          <cell r="D381">
            <v>21054</v>
          </cell>
        </row>
        <row r="382">
          <cell r="D382">
            <v>21055</v>
          </cell>
        </row>
        <row r="383">
          <cell r="D383">
            <v>21056</v>
          </cell>
        </row>
        <row r="384">
          <cell r="D384">
            <v>21063</v>
          </cell>
        </row>
        <row r="385">
          <cell r="D385">
            <v>21064</v>
          </cell>
        </row>
        <row r="386">
          <cell r="D386">
            <v>21065</v>
          </cell>
        </row>
        <row r="387">
          <cell r="D387">
            <v>21066</v>
          </cell>
        </row>
        <row r="388">
          <cell r="D388">
            <v>21067</v>
          </cell>
        </row>
        <row r="389">
          <cell r="D389">
            <v>21072</v>
          </cell>
        </row>
        <row r="390">
          <cell r="D390">
            <v>21073</v>
          </cell>
        </row>
        <row r="391">
          <cell r="D391">
            <v>21078</v>
          </cell>
        </row>
        <row r="392">
          <cell r="D392">
            <v>21090</v>
          </cell>
        </row>
        <row r="393">
          <cell r="D393">
            <v>21096</v>
          </cell>
        </row>
        <row r="394">
          <cell r="D394">
            <v>21097</v>
          </cell>
        </row>
        <row r="395">
          <cell r="D395">
            <v>21098</v>
          </cell>
        </row>
        <row r="396">
          <cell r="D396">
            <v>21131</v>
          </cell>
        </row>
        <row r="397">
          <cell r="D397">
            <v>21132</v>
          </cell>
        </row>
        <row r="398">
          <cell r="D398">
            <v>21147</v>
          </cell>
        </row>
        <row r="399">
          <cell r="D399">
            <v>21159</v>
          </cell>
        </row>
        <row r="400">
          <cell r="D400">
            <v>21161</v>
          </cell>
        </row>
        <row r="401">
          <cell r="D401">
            <v>21162</v>
          </cell>
        </row>
        <row r="402">
          <cell r="D402">
            <v>21163</v>
          </cell>
        </row>
        <row r="403">
          <cell r="D403">
            <v>21164</v>
          </cell>
        </row>
        <row r="404">
          <cell r="D404">
            <v>21165</v>
          </cell>
        </row>
        <row r="405">
          <cell r="D405">
            <v>21175</v>
          </cell>
        </row>
        <row r="406">
          <cell r="D406">
            <v>21177</v>
          </cell>
        </row>
        <row r="407">
          <cell r="D407">
            <v>21178</v>
          </cell>
        </row>
        <row r="408">
          <cell r="D408">
            <v>21180</v>
          </cell>
        </row>
        <row r="409">
          <cell r="D409">
            <v>21187</v>
          </cell>
        </row>
        <row r="410">
          <cell r="D410">
            <v>22002</v>
          </cell>
        </row>
        <row r="411">
          <cell r="D411">
            <v>22003</v>
          </cell>
        </row>
        <row r="412">
          <cell r="D412">
            <v>22005</v>
          </cell>
        </row>
        <row r="413">
          <cell r="D413">
            <v>22006</v>
          </cell>
        </row>
        <row r="414">
          <cell r="D414">
            <v>22007</v>
          </cell>
        </row>
        <row r="415">
          <cell r="D415">
            <v>22008</v>
          </cell>
        </row>
        <row r="416">
          <cell r="D416">
            <v>22009</v>
          </cell>
        </row>
        <row r="417">
          <cell r="D417">
            <v>22010</v>
          </cell>
        </row>
        <row r="418">
          <cell r="D418">
            <v>22014</v>
          </cell>
        </row>
        <row r="419">
          <cell r="D419">
            <v>22018</v>
          </cell>
        </row>
        <row r="420">
          <cell r="D420">
            <v>22020</v>
          </cell>
        </row>
        <row r="421">
          <cell r="D421">
            <v>22022</v>
          </cell>
        </row>
        <row r="422">
          <cell r="D422">
            <v>22033</v>
          </cell>
        </row>
        <row r="423">
          <cell r="D423">
            <v>22034</v>
          </cell>
        </row>
        <row r="424">
          <cell r="D424">
            <v>22035</v>
          </cell>
        </row>
        <row r="425">
          <cell r="D425">
            <v>22036</v>
          </cell>
        </row>
        <row r="426">
          <cell r="D426">
            <v>22038</v>
          </cell>
        </row>
        <row r="427">
          <cell r="D427">
            <v>22039</v>
          </cell>
        </row>
        <row r="428">
          <cell r="D428">
            <v>22041</v>
          </cell>
        </row>
        <row r="429">
          <cell r="D429">
            <v>22043</v>
          </cell>
        </row>
        <row r="430">
          <cell r="D430">
            <v>22044</v>
          </cell>
        </row>
        <row r="431">
          <cell r="D431">
            <v>22045</v>
          </cell>
        </row>
        <row r="432">
          <cell r="D432">
            <v>22046</v>
          </cell>
        </row>
        <row r="433">
          <cell r="D433">
            <v>22047</v>
          </cell>
        </row>
        <row r="434">
          <cell r="D434">
            <v>22048</v>
          </cell>
        </row>
        <row r="435">
          <cell r="D435">
            <v>22049</v>
          </cell>
        </row>
        <row r="436">
          <cell r="D436">
            <v>22050</v>
          </cell>
        </row>
        <row r="437">
          <cell r="D437">
            <v>22051</v>
          </cell>
        </row>
        <row r="438">
          <cell r="D438">
            <v>22052</v>
          </cell>
        </row>
        <row r="439">
          <cell r="D439">
            <v>22054</v>
          </cell>
        </row>
        <row r="440">
          <cell r="D440">
            <v>22055</v>
          </cell>
        </row>
        <row r="441">
          <cell r="D441">
            <v>22056</v>
          </cell>
        </row>
        <row r="442">
          <cell r="D442">
            <v>22057</v>
          </cell>
        </row>
        <row r="443">
          <cell r="D443">
            <v>22058</v>
          </cell>
        </row>
        <row r="444">
          <cell r="D444">
            <v>22059</v>
          </cell>
        </row>
        <row r="445">
          <cell r="D445">
            <v>22060</v>
          </cell>
        </row>
        <row r="446">
          <cell r="D446">
            <v>22061</v>
          </cell>
        </row>
        <row r="447">
          <cell r="D447">
            <v>22062</v>
          </cell>
        </row>
        <row r="448">
          <cell r="D448">
            <v>22063</v>
          </cell>
        </row>
        <row r="449">
          <cell r="D449">
            <v>22064</v>
          </cell>
        </row>
        <row r="450">
          <cell r="D450">
            <v>22065</v>
          </cell>
        </row>
        <row r="451">
          <cell r="D451">
            <v>22066</v>
          </cell>
        </row>
        <row r="452">
          <cell r="D452">
            <v>22067</v>
          </cell>
        </row>
        <row r="453">
          <cell r="D453">
            <v>22068</v>
          </cell>
        </row>
        <row r="454">
          <cell r="D454">
            <v>22069</v>
          </cell>
        </row>
        <row r="455">
          <cell r="D455">
            <v>22070</v>
          </cell>
        </row>
        <row r="456">
          <cell r="D456">
            <v>22076</v>
          </cell>
        </row>
        <row r="457">
          <cell r="D457">
            <v>22079</v>
          </cell>
        </row>
        <row r="458">
          <cell r="D458">
            <v>22090</v>
          </cell>
        </row>
        <row r="459">
          <cell r="D459">
            <v>22091</v>
          </cell>
        </row>
        <row r="460">
          <cell r="D460">
            <v>22100</v>
          </cell>
        </row>
        <row r="461">
          <cell r="D461">
            <v>22102</v>
          </cell>
        </row>
        <row r="462">
          <cell r="D462">
            <v>22103</v>
          </cell>
        </row>
        <row r="463">
          <cell r="D463">
            <v>22104</v>
          </cell>
        </row>
        <row r="464">
          <cell r="D464">
            <v>22105</v>
          </cell>
        </row>
        <row r="465">
          <cell r="D465">
            <v>22107</v>
          </cell>
        </row>
        <row r="466">
          <cell r="D466">
            <v>22108</v>
          </cell>
        </row>
        <row r="467">
          <cell r="D467">
            <v>22109</v>
          </cell>
        </row>
        <row r="468">
          <cell r="D468">
            <v>22111</v>
          </cell>
        </row>
        <row r="469">
          <cell r="D469">
            <v>22113</v>
          </cell>
        </row>
        <row r="470">
          <cell r="D470">
            <v>22114</v>
          </cell>
        </row>
        <row r="471">
          <cell r="D471">
            <v>22116</v>
          </cell>
        </row>
        <row r="472">
          <cell r="D472">
            <v>22117</v>
          </cell>
        </row>
        <row r="473">
          <cell r="D473">
            <v>22118</v>
          </cell>
        </row>
        <row r="474">
          <cell r="D474">
            <v>22119</v>
          </cell>
        </row>
        <row r="475">
          <cell r="D475">
            <v>22120</v>
          </cell>
        </row>
        <row r="476">
          <cell r="D476">
            <v>22122</v>
          </cell>
        </row>
        <row r="477">
          <cell r="D477">
            <v>22123</v>
          </cell>
        </row>
        <row r="478">
          <cell r="D478">
            <v>22124</v>
          </cell>
        </row>
        <row r="479">
          <cell r="D479">
            <v>22125</v>
          </cell>
        </row>
        <row r="480">
          <cell r="D480">
            <v>22126</v>
          </cell>
        </row>
        <row r="481">
          <cell r="D481">
            <v>22127</v>
          </cell>
        </row>
        <row r="482">
          <cell r="D482">
            <v>22128</v>
          </cell>
        </row>
        <row r="483">
          <cell r="D483">
            <v>22129</v>
          </cell>
        </row>
        <row r="484">
          <cell r="D484">
            <v>22130</v>
          </cell>
        </row>
        <row r="485">
          <cell r="D485">
            <v>22131</v>
          </cell>
        </row>
        <row r="486">
          <cell r="D486">
            <v>22132</v>
          </cell>
        </row>
        <row r="487">
          <cell r="D487">
            <v>22133</v>
          </cell>
        </row>
        <row r="488">
          <cell r="D488">
            <v>22134</v>
          </cell>
        </row>
        <row r="489">
          <cell r="D489">
            <v>22136</v>
          </cell>
        </row>
        <row r="490">
          <cell r="D490">
            <v>22137</v>
          </cell>
        </row>
        <row r="491">
          <cell r="D491">
            <v>22138</v>
          </cell>
        </row>
        <row r="492">
          <cell r="D492">
            <v>22140</v>
          </cell>
        </row>
        <row r="493">
          <cell r="D493">
            <v>22143</v>
          </cell>
        </row>
        <row r="494">
          <cell r="D494">
            <v>22144</v>
          </cell>
        </row>
        <row r="495">
          <cell r="D495">
            <v>22145</v>
          </cell>
        </row>
        <row r="496">
          <cell r="D496">
            <v>22146</v>
          </cell>
        </row>
        <row r="497">
          <cell r="D497">
            <v>22147</v>
          </cell>
        </row>
        <row r="498">
          <cell r="D498">
            <v>22148</v>
          </cell>
        </row>
        <row r="499">
          <cell r="D499">
            <v>22149</v>
          </cell>
        </row>
        <row r="500">
          <cell r="D500">
            <v>22153</v>
          </cell>
        </row>
        <row r="501">
          <cell r="D501">
            <v>22154</v>
          </cell>
        </row>
        <row r="502">
          <cell r="D502">
            <v>22155</v>
          </cell>
        </row>
        <row r="503">
          <cell r="D503">
            <v>22156</v>
          </cell>
        </row>
        <row r="504">
          <cell r="D504">
            <v>22162</v>
          </cell>
        </row>
        <row r="505">
          <cell r="D505">
            <v>22163</v>
          </cell>
        </row>
        <row r="506">
          <cell r="D506">
            <v>22165</v>
          </cell>
        </row>
        <row r="507">
          <cell r="D507">
            <v>22167</v>
          </cell>
        </row>
        <row r="508">
          <cell r="D508">
            <v>22171</v>
          </cell>
        </row>
        <row r="509">
          <cell r="D509">
            <v>22172</v>
          </cell>
        </row>
        <row r="510">
          <cell r="D510">
            <v>22173</v>
          </cell>
        </row>
        <row r="511">
          <cell r="D511">
            <v>22174</v>
          </cell>
        </row>
        <row r="512">
          <cell r="D512">
            <v>22182</v>
          </cell>
        </row>
        <row r="513">
          <cell r="D513">
            <v>23006</v>
          </cell>
        </row>
        <row r="514">
          <cell r="D514">
            <v>23007</v>
          </cell>
        </row>
        <row r="515">
          <cell r="D515">
            <v>23009</v>
          </cell>
        </row>
        <row r="516">
          <cell r="D516">
            <v>23011</v>
          </cell>
        </row>
        <row r="517">
          <cell r="D517">
            <v>23012</v>
          </cell>
        </row>
        <row r="518">
          <cell r="D518">
            <v>23013</v>
          </cell>
        </row>
        <row r="519">
          <cell r="D519">
            <v>23014</v>
          </cell>
        </row>
        <row r="520">
          <cell r="D520">
            <v>23015</v>
          </cell>
        </row>
        <row r="521">
          <cell r="D521">
            <v>23016</v>
          </cell>
        </row>
        <row r="522">
          <cell r="D522">
            <v>23017</v>
          </cell>
        </row>
        <row r="523">
          <cell r="D523">
            <v>23018</v>
          </cell>
        </row>
        <row r="524">
          <cell r="D524">
            <v>23019</v>
          </cell>
        </row>
        <row r="525">
          <cell r="D525">
            <v>23020</v>
          </cell>
        </row>
        <row r="526">
          <cell r="D526">
            <v>23021</v>
          </cell>
        </row>
        <row r="527">
          <cell r="D527">
            <v>23022</v>
          </cell>
        </row>
        <row r="528">
          <cell r="D528">
            <v>23023</v>
          </cell>
        </row>
        <row r="529">
          <cell r="D529">
            <v>23024</v>
          </cell>
        </row>
        <row r="530">
          <cell r="D530">
            <v>23026</v>
          </cell>
        </row>
        <row r="531">
          <cell r="D531">
            <v>23028</v>
          </cell>
        </row>
        <row r="532">
          <cell r="D532">
            <v>23033</v>
          </cell>
        </row>
        <row r="533">
          <cell r="D533">
            <v>23036</v>
          </cell>
        </row>
        <row r="534">
          <cell r="D534">
            <v>23037</v>
          </cell>
        </row>
        <row r="535">
          <cell r="D535">
            <v>23038</v>
          </cell>
        </row>
        <row r="536">
          <cell r="D536">
            <v>23041</v>
          </cell>
        </row>
        <row r="537">
          <cell r="D537">
            <v>23042</v>
          </cell>
        </row>
        <row r="538">
          <cell r="D538">
            <v>23044</v>
          </cell>
        </row>
        <row r="539">
          <cell r="D539">
            <v>23045</v>
          </cell>
        </row>
        <row r="540">
          <cell r="D540">
            <v>23046</v>
          </cell>
        </row>
        <row r="541">
          <cell r="D541">
            <v>23050</v>
          </cell>
        </row>
        <row r="542">
          <cell r="D542">
            <v>23052</v>
          </cell>
        </row>
        <row r="543">
          <cell r="D543">
            <v>23053</v>
          </cell>
        </row>
        <row r="544">
          <cell r="D544">
            <v>23057</v>
          </cell>
        </row>
        <row r="545">
          <cell r="D545">
            <v>24001</v>
          </cell>
        </row>
        <row r="546">
          <cell r="D546">
            <v>24002</v>
          </cell>
        </row>
        <row r="547">
          <cell r="D547">
            <v>24003</v>
          </cell>
        </row>
        <row r="548">
          <cell r="D548">
            <v>24004</v>
          </cell>
        </row>
        <row r="549">
          <cell r="D549">
            <v>24005</v>
          </cell>
        </row>
        <row r="550">
          <cell r="D550">
            <v>24006</v>
          </cell>
        </row>
        <row r="551">
          <cell r="D551">
            <v>24008</v>
          </cell>
        </row>
        <row r="552">
          <cell r="D552">
            <v>24009</v>
          </cell>
        </row>
        <row r="553">
          <cell r="D553">
            <v>24010</v>
          </cell>
        </row>
        <row r="554">
          <cell r="D554">
            <v>24011</v>
          </cell>
        </row>
        <row r="555">
          <cell r="D555">
            <v>24013</v>
          </cell>
        </row>
        <row r="556">
          <cell r="D556">
            <v>24014</v>
          </cell>
        </row>
        <row r="557">
          <cell r="D557">
            <v>24015</v>
          </cell>
        </row>
        <row r="558">
          <cell r="D558">
            <v>24017</v>
          </cell>
        </row>
        <row r="559">
          <cell r="D559">
            <v>24018</v>
          </cell>
        </row>
        <row r="560">
          <cell r="D560">
            <v>24019</v>
          </cell>
        </row>
        <row r="561">
          <cell r="D561">
            <v>25013</v>
          </cell>
        </row>
        <row r="562">
          <cell r="D562">
            <v>25014</v>
          </cell>
        </row>
        <row r="563">
          <cell r="D563">
            <v>25024</v>
          </cell>
        </row>
        <row r="564">
          <cell r="D564">
            <v>25025</v>
          </cell>
        </row>
        <row r="565">
          <cell r="D565">
            <v>25026</v>
          </cell>
        </row>
        <row r="566">
          <cell r="D566">
            <v>25027</v>
          </cell>
        </row>
        <row r="567">
          <cell r="D567">
            <v>25028</v>
          </cell>
        </row>
        <row r="568">
          <cell r="D568">
            <v>25031</v>
          </cell>
        </row>
        <row r="569">
          <cell r="D569">
            <v>25032</v>
          </cell>
        </row>
        <row r="570">
          <cell r="D570">
            <v>25042</v>
          </cell>
        </row>
        <row r="571">
          <cell r="D571">
            <v>25043</v>
          </cell>
        </row>
        <row r="572">
          <cell r="D572">
            <v>25044</v>
          </cell>
        </row>
        <row r="573">
          <cell r="D573">
            <v>25046</v>
          </cell>
        </row>
        <row r="574">
          <cell r="D574">
            <v>25047</v>
          </cell>
        </row>
        <row r="575">
          <cell r="D575">
            <v>25050</v>
          </cell>
        </row>
        <row r="576">
          <cell r="D576">
            <v>25052</v>
          </cell>
        </row>
        <row r="577">
          <cell r="D577">
            <v>25053</v>
          </cell>
        </row>
        <row r="578">
          <cell r="D578">
            <v>25054</v>
          </cell>
        </row>
        <row r="579">
          <cell r="D579">
            <v>25073</v>
          </cell>
        </row>
        <row r="580">
          <cell r="D580">
            <v>25084</v>
          </cell>
        </row>
        <row r="581">
          <cell r="D581">
            <v>25085</v>
          </cell>
        </row>
        <row r="582">
          <cell r="D582">
            <v>25087</v>
          </cell>
        </row>
        <row r="583">
          <cell r="D583">
            <v>25090</v>
          </cell>
        </row>
        <row r="584">
          <cell r="D584">
            <v>25091</v>
          </cell>
        </row>
        <row r="585">
          <cell r="D585">
            <v>25099</v>
          </cell>
        </row>
        <row r="586">
          <cell r="D586">
            <v>25100</v>
          </cell>
        </row>
        <row r="587">
          <cell r="D587">
            <v>25104</v>
          </cell>
        </row>
        <row r="588">
          <cell r="D588">
            <v>25107</v>
          </cell>
        </row>
        <row r="589">
          <cell r="D589">
            <v>25108</v>
          </cell>
        </row>
        <row r="590">
          <cell r="D590">
            <v>25109</v>
          </cell>
        </row>
        <row r="591">
          <cell r="D591">
            <v>25112</v>
          </cell>
        </row>
        <row r="592">
          <cell r="D592">
            <v>25113</v>
          </cell>
        </row>
        <row r="593">
          <cell r="D593">
            <v>25125</v>
          </cell>
        </row>
        <row r="594">
          <cell r="D594">
            <v>25126</v>
          </cell>
        </row>
        <row r="595">
          <cell r="D595">
            <v>25127</v>
          </cell>
        </row>
        <row r="596">
          <cell r="D596">
            <v>25128</v>
          </cell>
        </row>
        <row r="597">
          <cell r="D597">
            <v>25129</v>
          </cell>
        </row>
        <row r="598">
          <cell r="D598">
            <v>25130</v>
          </cell>
        </row>
        <row r="599">
          <cell r="D599">
            <v>25131</v>
          </cell>
        </row>
        <row r="600">
          <cell r="D600">
            <v>25132</v>
          </cell>
        </row>
        <row r="601">
          <cell r="D601">
            <v>25133</v>
          </cell>
        </row>
        <row r="602">
          <cell r="D602">
            <v>25134</v>
          </cell>
        </row>
        <row r="603">
          <cell r="D603">
            <v>25135</v>
          </cell>
        </row>
        <row r="604">
          <cell r="D604">
            <v>25142</v>
          </cell>
        </row>
        <row r="605">
          <cell r="D605">
            <v>26004</v>
          </cell>
        </row>
        <row r="606">
          <cell r="D606">
            <v>26006</v>
          </cell>
        </row>
        <row r="607">
          <cell r="D607">
            <v>26009</v>
          </cell>
        </row>
        <row r="608">
          <cell r="D608">
            <v>26010</v>
          </cell>
        </row>
        <row r="609">
          <cell r="D609">
            <v>26011</v>
          </cell>
        </row>
        <row r="610">
          <cell r="D610">
            <v>26012</v>
          </cell>
        </row>
        <row r="611">
          <cell r="D611">
            <v>26022</v>
          </cell>
        </row>
        <row r="612">
          <cell r="D612">
            <v>26028</v>
          </cell>
        </row>
        <row r="613">
          <cell r="D613">
            <v>26029</v>
          </cell>
        </row>
        <row r="614">
          <cell r="D614">
            <v>26030</v>
          </cell>
        </row>
        <row r="615">
          <cell r="D615">
            <v>26032</v>
          </cell>
        </row>
        <row r="616">
          <cell r="D616">
            <v>26034</v>
          </cell>
        </row>
        <row r="617">
          <cell r="D617">
            <v>26035</v>
          </cell>
        </row>
        <row r="618">
          <cell r="D618">
            <v>26036</v>
          </cell>
        </row>
        <row r="619">
          <cell r="D619">
            <v>26039</v>
          </cell>
        </row>
        <row r="620">
          <cell r="D620">
            <v>26040</v>
          </cell>
        </row>
        <row r="621">
          <cell r="D621">
            <v>26042</v>
          </cell>
        </row>
        <row r="622">
          <cell r="D622">
            <v>26045</v>
          </cell>
        </row>
        <row r="623">
          <cell r="D623">
            <v>26046</v>
          </cell>
        </row>
        <row r="624">
          <cell r="D624">
            <v>26049</v>
          </cell>
        </row>
        <row r="625">
          <cell r="D625">
            <v>26051</v>
          </cell>
        </row>
        <row r="626">
          <cell r="D626">
            <v>26052</v>
          </cell>
        </row>
        <row r="627">
          <cell r="D627">
            <v>26053</v>
          </cell>
        </row>
        <row r="628">
          <cell r="D628">
            <v>26054</v>
          </cell>
        </row>
        <row r="629">
          <cell r="D629">
            <v>27003</v>
          </cell>
        </row>
        <row r="630">
          <cell r="D630">
            <v>27005</v>
          </cell>
        </row>
        <row r="631">
          <cell r="D631">
            <v>27008</v>
          </cell>
        </row>
        <row r="632">
          <cell r="D632">
            <v>27009</v>
          </cell>
        </row>
        <row r="633">
          <cell r="D633">
            <v>27010</v>
          </cell>
        </row>
        <row r="634">
          <cell r="D634">
            <v>27012</v>
          </cell>
        </row>
        <row r="635">
          <cell r="D635">
            <v>27013</v>
          </cell>
        </row>
        <row r="636">
          <cell r="D636">
            <v>27014</v>
          </cell>
        </row>
        <row r="637">
          <cell r="D637">
            <v>27028</v>
          </cell>
        </row>
        <row r="638">
          <cell r="D638">
            <v>27030</v>
          </cell>
        </row>
        <row r="639">
          <cell r="D639">
            <v>27032</v>
          </cell>
        </row>
        <row r="640">
          <cell r="D640">
            <v>27033</v>
          </cell>
        </row>
        <row r="641">
          <cell r="D641">
            <v>27035</v>
          </cell>
        </row>
        <row r="642">
          <cell r="D642">
            <v>27061</v>
          </cell>
        </row>
        <row r="643">
          <cell r="D643">
            <v>27063</v>
          </cell>
        </row>
        <row r="644">
          <cell r="D644">
            <v>27078</v>
          </cell>
        </row>
        <row r="645">
          <cell r="D645">
            <v>27079</v>
          </cell>
        </row>
        <row r="646">
          <cell r="D646">
            <v>27084</v>
          </cell>
        </row>
        <row r="647">
          <cell r="D647">
            <v>27088</v>
          </cell>
        </row>
        <row r="648">
          <cell r="D648">
            <v>27091</v>
          </cell>
        </row>
        <row r="649">
          <cell r="D649">
            <v>27092</v>
          </cell>
        </row>
        <row r="650">
          <cell r="D650">
            <v>28001</v>
          </cell>
        </row>
        <row r="651">
          <cell r="D651">
            <v>28011</v>
          </cell>
        </row>
        <row r="652">
          <cell r="D652">
            <v>28012</v>
          </cell>
        </row>
        <row r="653">
          <cell r="D653">
            <v>28013</v>
          </cell>
        </row>
        <row r="654">
          <cell r="D654">
            <v>28015</v>
          </cell>
        </row>
        <row r="655">
          <cell r="D655">
            <v>28018</v>
          </cell>
        </row>
        <row r="656">
          <cell r="D656">
            <v>28020</v>
          </cell>
        </row>
        <row r="657">
          <cell r="D657">
            <v>28021</v>
          </cell>
        </row>
        <row r="658">
          <cell r="D658">
            <v>28024</v>
          </cell>
        </row>
        <row r="659">
          <cell r="D659">
            <v>28026</v>
          </cell>
        </row>
        <row r="660">
          <cell r="D660">
            <v>28032</v>
          </cell>
        </row>
        <row r="661">
          <cell r="D661">
            <v>28033</v>
          </cell>
        </row>
        <row r="662">
          <cell r="D662">
            <v>28036</v>
          </cell>
        </row>
        <row r="663">
          <cell r="D663">
            <v>28038</v>
          </cell>
        </row>
        <row r="664">
          <cell r="D664">
            <v>28041</v>
          </cell>
        </row>
        <row r="665">
          <cell r="D665">
            <v>28043</v>
          </cell>
        </row>
        <row r="666">
          <cell r="D666">
            <v>28047</v>
          </cell>
        </row>
        <row r="667">
          <cell r="D667">
            <v>28050</v>
          </cell>
        </row>
        <row r="668">
          <cell r="D668">
            <v>28056</v>
          </cell>
        </row>
        <row r="669">
          <cell r="D669">
            <v>28057</v>
          </cell>
        </row>
        <row r="670">
          <cell r="D670">
            <v>28058</v>
          </cell>
        </row>
        <row r="671">
          <cell r="D671">
            <v>28059</v>
          </cell>
        </row>
        <row r="672">
          <cell r="D672">
            <v>28062</v>
          </cell>
        </row>
        <row r="673">
          <cell r="D673">
            <v>28064</v>
          </cell>
        </row>
        <row r="674">
          <cell r="D674">
            <v>28073</v>
          </cell>
        </row>
        <row r="675">
          <cell r="D675">
            <v>28075</v>
          </cell>
        </row>
        <row r="676">
          <cell r="D676">
            <v>28076</v>
          </cell>
        </row>
        <row r="677">
          <cell r="D677">
            <v>28077</v>
          </cell>
        </row>
        <row r="678">
          <cell r="D678">
            <v>28078</v>
          </cell>
        </row>
        <row r="679">
          <cell r="D679">
            <v>28079</v>
          </cell>
        </row>
        <row r="680">
          <cell r="D680">
            <v>28080</v>
          </cell>
        </row>
        <row r="681">
          <cell r="D681">
            <v>28081</v>
          </cell>
        </row>
        <row r="682">
          <cell r="D682">
            <v>28082</v>
          </cell>
        </row>
        <row r="683">
          <cell r="D683">
            <v>28083</v>
          </cell>
        </row>
        <row r="684">
          <cell r="D684">
            <v>28084</v>
          </cell>
        </row>
        <row r="685">
          <cell r="D685">
            <v>28087</v>
          </cell>
        </row>
        <row r="686">
          <cell r="D686">
            <v>28089</v>
          </cell>
        </row>
        <row r="687">
          <cell r="D687">
            <v>28099</v>
          </cell>
        </row>
        <row r="688">
          <cell r="D688">
            <v>28108</v>
          </cell>
        </row>
        <row r="689">
          <cell r="D689">
            <v>28111</v>
          </cell>
        </row>
        <row r="690">
          <cell r="D690">
            <v>28112</v>
          </cell>
        </row>
        <row r="691">
          <cell r="D691">
            <v>28113</v>
          </cell>
        </row>
        <row r="692">
          <cell r="D692">
            <v>28115</v>
          </cell>
        </row>
        <row r="693">
          <cell r="D693">
            <v>28117</v>
          </cell>
        </row>
        <row r="694">
          <cell r="D694">
            <v>28119</v>
          </cell>
        </row>
        <row r="695">
          <cell r="D695">
            <v>28120</v>
          </cell>
        </row>
        <row r="696">
          <cell r="D696">
            <v>28133</v>
          </cell>
        </row>
        <row r="697">
          <cell r="D697">
            <v>28134</v>
          </cell>
        </row>
        <row r="698">
          <cell r="D698">
            <v>28146</v>
          </cell>
        </row>
        <row r="699">
          <cell r="D699">
            <v>28147</v>
          </cell>
        </row>
        <row r="700">
          <cell r="D700">
            <v>28148</v>
          </cell>
        </row>
        <row r="701">
          <cell r="D701">
            <v>29004</v>
          </cell>
        </row>
        <row r="702">
          <cell r="D702">
            <v>29006</v>
          </cell>
        </row>
        <row r="703">
          <cell r="D703">
            <v>30004</v>
          </cell>
        </row>
        <row r="704">
          <cell r="D704">
            <v>30008</v>
          </cell>
        </row>
        <row r="705">
          <cell r="D705">
            <v>30025</v>
          </cell>
        </row>
        <row r="706">
          <cell r="D706">
            <v>30027</v>
          </cell>
        </row>
        <row r="707">
          <cell r="D707">
            <v>30028</v>
          </cell>
        </row>
        <row r="708">
          <cell r="D708">
            <v>30029</v>
          </cell>
        </row>
        <row r="709">
          <cell r="D709">
            <v>30030</v>
          </cell>
        </row>
        <row r="710">
          <cell r="D710">
            <v>31001</v>
          </cell>
        </row>
        <row r="711">
          <cell r="D711">
            <v>32001</v>
          </cell>
        </row>
        <row r="712">
          <cell r="D712">
            <v>32009</v>
          </cell>
        </row>
        <row r="713">
          <cell r="D713">
            <v>33001</v>
          </cell>
        </row>
        <row r="714">
          <cell r="D714">
            <v>33003</v>
          </cell>
        </row>
        <row r="715">
          <cell r="D715">
            <v>33004</v>
          </cell>
        </row>
        <row r="716">
          <cell r="D716">
            <v>33005</v>
          </cell>
        </row>
        <row r="717">
          <cell r="D717">
            <v>34028</v>
          </cell>
        </row>
        <row r="718">
          <cell r="D718">
            <v>34033</v>
          </cell>
        </row>
        <row r="719">
          <cell r="D719">
            <v>34039</v>
          </cell>
        </row>
        <row r="720">
          <cell r="D720">
            <v>34042</v>
          </cell>
        </row>
        <row r="721">
          <cell r="D721">
            <v>34044</v>
          </cell>
        </row>
        <row r="722">
          <cell r="D722">
            <v>34047</v>
          </cell>
        </row>
        <row r="723">
          <cell r="D723">
            <v>34048</v>
          </cell>
        </row>
        <row r="724">
          <cell r="D724">
            <v>34049</v>
          </cell>
        </row>
        <row r="725">
          <cell r="D725">
            <v>34050</v>
          </cell>
        </row>
        <row r="726">
          <cell r="D726">
            <v>34051</v>
          </cell>
        </row>
        <row r="727">
          <cell r="D727">
            <v>34059</v>
          </cell>
        </row>
        <row r="728">
          <cell r="D728">
            <v>34061</v>
          </cell>
        </row>
        <row r="729">
          <cell r="D729">
            <v>34063</v>
          </cell>
        </row>
        <row r="730">
          <cell r="D730">
            <v>34066</v>
          </cell>
        </row>
        <row r="731">
          <cell r="D731">
            <v>34070</v>
          </cell>
        </row>
        <row r="732">
          <cell r="D732">
            <v>34073</v>
          </cell>
        </row>
        <row r="733">
          <cell r="D733">
            <v>34077</v>
          </cell>
        </row>
        <row r="734">
          <cell r="D734">
            <v>34082</v>
          </cell>
        </row>
        <row r="735">
          <cell r="D735">
            <v>34087</v>
          </cell>
        </row>
        <row r="736">
          <cell r="D736">
            <v>34089</v>
          </cell>
        </row>
        <row r="737">
          <cell r="D737">
            <v>34092</v>
          </cell>
        </row>
        <row r="738">
          <cell r="D738">
            <v>34093</v>
          </cell>
        </row>
        <row r="739">
          <cell r="D739">
            <v>34095</v>
          </cell>
        </row>
        <row r="740">
          <cell r="D740">
            <v>34096</v>
          </cell>
        </row>
        <row r="741">
          <cell r="D741">
            <v>34100</v>
          </cell>
        </row>
        <row r="742">
          <cell r="D742">
            <v>34109</v>
          </cell>
        </row>
        <row r="743">
          <cell r="D743">
            <v>34110</v>
          </cell>
        </row>
        <row r="744">
          <cell r="D744">
            <v>34111</v>
          </cell>
        </row>
        <row r="745">
          <cell r="D745">
            <v>34112</v>
          </cell>
        </row>
        <row r="746">
          <cell r="D746">
            <v>34113</v>
          </cell>
        </row>
        <row r="747">
          <cell r="D747">
            <v>34131</v>
          </cell>
        </row>
        <row r="748">
          <cell r="D748">
            <v>34135</v>
          </cell>
        </row>
        <row r="749">
          <cell r="D749">
            <v>34143</v>
          </cell>
        </row>
        <row r="750">
          <cell r="D750">
            <v>34145</v>
          </cell>
        </row>
        <row r="751">
          <cell r="D751">
            <v>34146</v>
          </cell>
        </row>
        <row r="752">
          <cell r="D752">
            <v>34147</v>
          </cell>
        </row>
        <row r="753">
          <cell r="D753">
            <v>34148</v>
          </cell>
        </row>
        <row r="754">
          <cell r="D754">
            <v>34149</v>
          </cell>
        </row>
        <row r="755">
          <cell r="D755">
            <v>34152</v>
          </cell>
        </row>
        <row r="756">
          <cell r="D756">
            <v>34156</v>
          </cell>
        </row>
        <row r="757">
          <cell r="D757">
            <v>34164</v>
          </cell>
        </row>
        <row r="758">
          <cell r="D758">
            <v>34166</v>
          </cell>
        </row>
        <row r="759">
          <cell r="D759">
            <v>34167</v>
          </cell>
        </row>
        <row r="760">
          <cell r="D760">
            <v>34169</v>
          </cell>
        </row>
        <row r="761">
          <cell r="D761">
            <v>34172</v>
          </cell>
        </row>
        <row r="762">
          <cell r="D762">
            <v>34190</v>
          </cell>
        </row>
        <row r="763">
          <cell r="D763">
            <v>34207</v>
          </cell>
        </row>
        <row r="764">
          <cell r="D764">
            <v>34210</v>
          </cell>
        </row>
        <row r="765">
          <cell r="D765">
            <v>34236</v>
          </cell>
        </row>
        <row r="766">
          <cell r="D766">
            <v>34237</v>
          </cell>
        </row>
        <row r="767">
          <cell r="D767">
            <v>34242</v>
          </cell>
        </row>
        <row r="768">
          <cell r="D768">
            <v>34248</v>
          </cell>
        </row>
        <row r="769">
          <cell r="D769">
            <v>34268</v>
          </cell>
        </row>
        <row r="770">
          <cell r="D770">
            <v>34269</v>
          </cell>
        </row>
        <row r="771">
          <cell r="D771">
            <v>34270</v>
          </cell>
        </row>
        <row r="772">
          <cell r="D772">
            <v>34282</v>
          </cell>
        </row>
        <row r="773">
          <cell r="D773">
            <v>34283</v>
          </cell>
        </row>
        <row r="774">
          <cell r="D774">
            <v>34285</v>
          </cell>
        </row>
        <row r="775">
          <cell r="D775">
            <v>34291</v>
          </cell>
        </row>
        <row r="776">
          <cell r="D776">
            <v>34296</v>
          </cell>
        </row>
        <row r="777">
          <cell r="D777">
            <v>34298</v>
          </cell>
        </row>
        <row r="778">
          <cell r="D778">
            <v>35001</v>
          </cell>
        </row>
        <row r="779">
          <cell r="D779">
            <v>35004</v>
          </cell>
        </row>
        <row r="780">
          <cell r="D780">
            <v>35008</v>
          </cell>
        </row>
        <row r="781">
          <cell r="D781">
            <v>35013</v>
          </cell>
        </row>
        <row r="782">
          <cell r="D782">
            <v>36001</v>
          </cell>
        </row>
        <row r="783">
          <cell r="D783">
            <v>36002</v>
          </cell>
        </row>
        <row r="784">
          <cell r="D784">
            <v>36003</v>
          </cell>
        </row>
        <row r="785">
          <cell r="D785">
            <v>36005</v>
          </cell>
        </row>
        <row r="786">
          <cell r="D786">
            <v>36008</v>
          </cell>
        </row>
        <row r="787">
          <cell r="D787">
            <v>37013</v>
          </cell>
        </row>
        <row r="788">
          <cell r="D788">
            <v>37014</v>
          </cell>
        </row>
        <row r="789">
          <cell r="D789">
            <v>37015</v>
          </cell>
        </row>
        <row r="790">
          <cell r="D790">
            <v>37016</v>
          </cell>
        </row>
        <row r="791">
          <cell r="D791">
            <v>37017</v>
          </cell>
        </row>
        <row r="792">
          <cell r="D792">
            <v>37018</v>
          </cell>
        </row>
        <row r="793">
          <cell r="D793">
            <v>37024</v>
          </cell>
        </row>
        <row r="794">
          <cell r="D794">
            <v>51003</v>
          </cell>
        </row>
        <row r="795">
          <cell r="D795">
            <v>51014</v>
          </cell>
        </row>
        <row r="796">
          <cell r="D796">
            <v>51018</v>
          </cell>
        </row>
        <row r="797">
          <cell r="D797">
            <v>51019</v>
          </cell>
        </row>
        <row r="798">
          <cell r="D798">
            <v>51021</v>
          </cell>
        </row>
        <row r="799">
          <cell r="D799">
            <v>51026</v>
          </cell>
        </row>
        <row r="800">
          <cell r="D800">
            <v>52016</v>
          </cell>
        </row>
        <row r="801">
          <cell r="D801">
            <v>52018</v>
          </cell>
        </row>
        <row r="802">
          <cell r="D802">
            <v>52019</v>
          </cell>
        </row>
        <row r="803">
          <cell r="D803">
            <v>52020</v>
          </cell>
        </row>
        <row r="804">
          <cell r="D804">
            <v>52021</v>
          </cell>
        </row>
        <row r="805">
          <cell r="D805">
            <v>52023</v>
          </cell>
        </row>
        <row r="806">
          <cell r="D806">
            <v>53008</v>
          </cell>
        </row>
        <row r="807">
          <cell r="D807">
            <v>53011</v>
          </cell>
        </row>
        <row r="808">
          <cell r="D808">
            <v>53013</v>
          </cell>
        </row>
        <row r="809">
          <cell r="D809">
            <v>53017</v>
          </cell>
        </row>
        <row r="810">
          <cell r="D810">
            <v>53018</v>
          </cell>
        </row>
        <row r="811">
          <cell r="D811">
            <v>53019</v>
          </cell>
        </row>
        <row r="812">
          <cell r="D812">
            <v>54004</v>
          </cell>
        </row>
        <row r="813">
          <cell r="D813">
            <v>54009</v>
          </cell>
        </row>
        <row r="814">
          <cell r="D814">
            <v>54017</v>
          </cell>
        </row>
        <row r="815">
          <cell r="D815">
            <v>54018</v>
          </cell>
        </row>
        <row r="816">
          <cell r="D816">
            <v>54030</v>
          </cell>
        </row>
        <row r="817">
          <cell r="D817">
            <v>55005</v>
          </cell>
        </row>
        <row r="818">
          <cell r="D818">
            <v>55014</v>
          </cell>
        </row>
        <row r="819">
          <cell r="D819">
            <v>55017</v>
          </cell>
        </row>
        <row r="820">
          <cell r="D820">
            <v>55018</v>
          </cell>
        </row>
        <row r="821">
          <cell r="D821">
            <v>55020</v>
          </cell>
        </row>
        <row r="822">
          <cell r="D822">
            <v>55023</v>
          </cell>
        </row>
        <row r="823">
          <cell r="D823">
            <v>56013</v>
          </cell>
        </row>
        <row r="824">
          <cell r="D824">
            <v>56021</v>
          </cell>
        </row>
        <row r="825">
          <cell r="D825">
            <v>56022</v>
          </cell>
        </row>
        <row r="826">
          <cell r="D826">
            <v>56025</v>
          </cell>
        </row>
        <row r="827">
          <cell r="D827">
            <v>56028</v>
          </cell>
        </row>
        <row r="828">
          <cell r="D828">
            <v>57001</v>
          </cell>
        </row>
        <row r="829">
          <cell r="D829">
            <v>57005</v>
          </cell>
        </row>
        <row r="830">
          <cell r="D830">
            <v>57017</v>
          </cell>
        </row>
        <row r="831">
          <cell r="D831">
            <v>57019</v>
          </cell>
        </row>
        <row r="832">
          <cell r="D832">
            <v>57020</v>
          </cell>
        </row>
        <row r="833">
          <cell r="D833">
            <v>57034</v>
          </cell>
        </row>
        <row r="834">
          <cell r="D834">
            <v>58012</v>
          </cell>
        </row>
        <row r="835">
          <cell r="D835">
            <v>58016</v>
          </cell>
        </row>
        <row r="836">
          <cell r="D836">
            <v>58020</v>
          </cell>
        </row>
        <row r="837">
          <cell r="D837">
            <v>58022</v>
          </cell>
        </row>
        <row r="838">
          <cell r="D838">
            <v>58023</v>
          </cell>
        </row>
        <row r="839">
          <cell r="D839">
            <v>58028</v>
          </cell>
        </row>
        <row r="840">
          <cell r="D840">
            <v>58030</v>
          </cell>
        </row>
        <row r="841">
          <cell r="D841">
            <v>59002</v>
          </cell>
        </row>
        <row r="842">
          <cell r="D842">
            <v>59004</v>
          </cell>
        </row>
        <row r="843">
          <cell r="D843">
            <v>59005</v>
          </cell>
        </row>
        <row r="844">
          <cell r="D844">
            <v>59022</v>
          </cell>
        </row>
        <row r="845">
          <cell r="D845">
            <v>59023</v>
          </cell>
        </row>
        <row r="846">
          <cell r="D846">
            <v>59031</v>
          </cell>
        </row>
        <row r="847">
          <cell r="D847">
            <v>60007</v>
          </cell>
        </row>
        <row r="848">
          <cell r="D848">
            <v>60019</v>
          </cell>
        </row>
        <row r="849">
          <cell r="D849">
            <v>60020</v>
          </cell>
        </row>
        <row r="850">
          <cell r="D850">
            <v>60023</v>
          </cell>
        </row>
        <row r="851">
          <cell r="D851">
            <v>60025</v>
          </cell>
        </row>
        <row r="852">
          <cell r="D852">
            <v>60028</v>
          </cell>
        </row>
        <row r="853">
          <cell r="D853">
            <v>61012</v>
          </cell>
        </row>
        <row r="854">
          <cell r="D854">
            <v>61022</v>
          </cell>
        </row>
        <row r="855">
          <cell r="D855">
            <v>61025</v>
          </cell>
        </row>
        <row r="856">
          <cell r="D856">
            <v>61027</v>
          </cell>
        </row>
        <row r="857">
          <cell r="D857">
            <v>61029</v>
          </cell>
        </row>
        <row r="858">
          <cell r="D858">
            <v>61031</v>
          </cell>
        </row>
        <row r="859">
          <cell r="D859">
            <v>62009</v>
          </cell>
        </row>
        <row r="860">
          <cell r="D860">
            <v>62010</v>
          </cell>
        </row>
        <row r="861">
          <cell r="D861">
            <v>62014</v>
          </cell>
        </row>
        <row r="862">
          <cell r="D862">
            <v>62016</v>
          </cell>
        </row>
        <row r="863">
          <cell r="D863">
            <v>62020</v>
          </cell>
        </row>
        <row r="864">
          <cell r="D864">
            <v>63015</v>
          </cell>
        </row>
        <row r="865">
          <cell r="D865">
            <v>63019</v>
          </cell>
        </row>
        <row r="866">
          <cell r="D866">
            <v>63022</v>
          </cell>
        </row>
        <row r="867">
          <cell r="D867">
            <v>63024</v>
          </cell>
        </row>
        <row r="868">
          <cell r="D868">
            <v>63027</v>
          </cell>
        </row>
        <row r="869">
          <cell r="D869">
            <v>63028</v>
          </cell>
        </row>
        <row r="870">
          <cell r="D870">
            <v>63029</v>
          </cell>
        </row>
        <row r="871">
          <cell r="D871">
            <v>64011</v>
          </cell>
        </row>
        <row r="872">
          <cell r="D872">
            <v>64015</v>
          </cell>
        </row>
        <row r="873">
          <cell r="D873">
            <v>64017</v>
          </cell>
        </row>
        <row r="874">
          <cell r="D874">
            <v>64018</v>
          </cell>
        </row>
        <row r="875">
          <cell r="D875">
            <v>64024</v>
          </cell>
        </row>
        <row r="876">
          <cell r="D876">
            <v>64030</v>
          </cell>
        </row>
        <row r="877">
          <cell r="D877">
            <v>64033</v>
          </cell>
        </row>
        <row r="878">
          <cell r="D878">
            <v>65008</v>
          </cell>
        </row>
        <row r="879">
          <cell r="D879">
            <v>65016</v>
          </cell>
        </row>
        <row r="880">
          <cell r="D880">
            <v>65025</v>
          </cell>
        </row>
        <row r="881">
          <cell r="D881">
            <v>65026</v>
          </cell>
        </row>
        <row r="882">
          <cell r="D882">
            <v>65028</v>
          </cell>
        </row>
        <row r="883">
          <cell r="D883">
            <v>65031</v>
          </cell>
        </row>
        <row r="884">
          <cell r="D884">
            <v>66012</v>
          </cell>
        </row>
        <row r="885">
          <cell r="D885">
            <v>66020</v>
          </cell>
        </row>
        <row r="886">
          <cell r="D886">
            <v>66022</v>
          </cell>
        </row>
        <row r="887">
          <cell r="D887">
            <v>66023</v>
          </cell>
        </row>
        <row r="888">
          <cell r="D888">
            <v>66024</v>
          </cell>
        </row>
        <row r="889">
          <cell r="D889">
            <v>67011</v>
          </cell>
        </row>
        <row r="890">
          <cell r="D890">
            <v>67021</v>
          </cell>
        </row>
        <row r="891">
          <cell r="D891">
            <v>67025</v>
          </cell>
        </row>
        <row r="892">
          <cell r="D892">
            <v>67026</v>
          </cell>
        </row>
        <row r="893">
          <cell r="D893">
            <v>67027</v>
          </cell>
        </row>
        <row r="894">
          <cell r="D894">
            <v>67030</v>
          </cell>
        </row>
        <row r="895">
          <cell r="D895">
            <v>68007</v>
          </cell>
        </row>
        <row r="896">
          <cell r="D896">
            <v>68034</v>
          </cell>
        </row>
        <row r="897">
          <cell r="D897">
            <v>68036</v>
          </cell>
        </row>
        <row r="898">
          <cell r="D898">
            <v>68037</v>
          </cell>
        </row>
        <row r="899">
          <cell r="D899">
            <v>68038</v>
          </cell>
        </row>
        <row r="900">
          <cell r="D900">
            <v>68039</v>
          </cell>
        </row>
        <row r="901">
          <cell r="D901">
            <v>68040</v>
          </cell>
        </row>
        <row r="902">
          <cell r="D902">
            <v>68042</v>
          </cell>
        </row>
        <row r="903">
          <cell r="D903">
            <v>68046</v>
          </cell>
        </row>
        <row r="904">
          <cell r="D904">
            <v>68048</v>
          </cell>
        </row>
        <row r="905">
          <cell r="D905">
            <v>69010</v>
          </cell>
        </row>
        <row r="906">
          <cell r="D906">
            <v>69015</v>
          </cell>
        </row>
        <row r="907">
          <cell r="D907">
            <v>69021</v>
          </cell>
        </row>
        <row r="908">
          <cell r="D908">
            <v>69022</v>
          </cell>
        </row>
        <row r="909">
          <cell r="D909">
            <v>69025</v>
          </cell>
        </row>
        <row r="910">
          <cell r="D910">
            <v>69028</v>
          </cell>
        </row>
        <row r="911">
          <cell r="D911">
            <v>70004</v>
          </cell>
        </row>
        <row r="912">
          <cell r="D912">
            <v>70008</v>
          </cell>
        </row>
        <row r="913">
          <cell r="D913">
            <v>70011</v>
          </cell>
        </row>
        <row r="914">
          <cell r="D914">
            <v>70013</v>
          </cell>
        </row>
        <row r="915">
          <cell r="D915">
            <v>70016</v>
          </cell>
        </row>
        <row r="916">
          <cell r="D916">
            <v>70017</v>
          </cell>
        </row>
        <row r="917">
          <cell r="D917">
            <v>71009</v>
          </cell>
        </row>
        <row r="918">
          <cell r="D918">
            <v>71015</v>
          </cell>
        </row>
        <row r="919">
          <cell r="D919">
            <v>71019</v>
          </cell>
        </row>
        <row r="920">
          <cell r="D920">
            <v>71020</v>
          </cell>
        </row>
        <row r="921">
          <cell r="D921">
            <v>71022</v>
          </cell>
        </row>
        <row r="922">
          <cell r="D922">
            <v>71023</v>
          </cell>
        </row>
        <row r="923">
          <cell r="D923">
            <v>72001</v>
          </cell>
        </row>
        <row r="924">
          <cell r="D924">
            <v>72024</v>
          </cell>
        </row>
        <row r="925">
          <cell r="D925">
            <v>72025</v>
          </cell>
        </row>
        <row r="926">
          <cell r="D926">
            <v>72026</v>
          </cell>
        </row>
        <row r="927">
          <cell r="D927">
            <v>72028</v>
          </cell>
        </row>
        <row r="928">
          <cell r="D928">
            <v>72031</v>
          </cell>
        </row>
        <row r="929">
          <cell r="D929">
            <v>72032</v>
          </cell>
        </row>
        <row r="930">
          <cell r="D930">
            <v>73017</v>
          </cell>
        </row>
        <row r="931">
          <cell r="D931">
            <v>73020</v>
          </cell>
        </row>
        <row r="932">
          <cell r="D932">
            <v>73022</v>
          </cell>
        </row>
        <row r="933">
          <cell r="D933">
            <v>73024</v>
          </cell>
        </row>
        <row r="934">
          <cell r="D934">
            <v>73027</v>
          </cell>
        </row>
        <row r="935">
          <cell r="D935">
            <v>73029</v>
          </cell>
        </row>
        <row r="936">
          <cell r="D936">
            <v>74018</v>
          </cell>
        </row>
        <row r="937">
          <cell r="D937">
            <v>74019</v>
          </cell>
        </row>
        <row r="938">
          <cell r="D938">
            <v>74020</v>
          </cell>
        </row>
        <row r="939">
          <cell r="D939">
            <v>74021</v>
          </cell>
        </row>
        <row r="940">
          <cell r="D940">
            <v>74023</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4月分）"/>
      <sheetName val="（5月分）"/>
      <sheetName val="（6月分）"/>
      <sheetName val="（7月分）"/>
      <sheetName val="（8月分）"/>
      <sheetName val="（9月分）"/>
      <sheetName val="（10月分）"/>
      <sheetName val="（11月分）"/>
      <sheetName val="（12月分）"/>
      <sheetName val="（1月分）"/>
      <sheetName val="（2月分）"/>
      <sheetName val="（3月分）"/>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1">
          <cell r="A1" t="str">
            <v>R131482</v>
          </cell>
        </row>
        <row r="2">
          <cell r="A2" t="str">
            <v>R131484</v>
          </cell>
        </row>
        <row r="3">
          <cell r="A3" t="str">
            <v>R131485</v>
          </cell>
        </row>
        <row r="4">
          <cell r="A4" t="str">
            <v>R131486</v>
          </cell>
        </row>
        <row r="5">
          <cell r="A5" t="str">
            <v>R131487</v>
          </cell>
        </row>
      </sheetData>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データ"/>
      <sheetName val="★表紙"/>
      <sheetName val="★概要"/>
      <sheetName val="★（株）"/>
      <sheetName val="グラフ(株)"/>
      <sheetName val="★(財)"/>
      <sheetName val="グラフ(財)"/>
      <sheetName val="★(社福)"/>
      <sheetName val="グラフ(社福)"/>
      <sheetName val="★事業"/>
      <sheetName val="★評価"/>
      <sheetName val="人的（非）"/>
      <sheetName val="指標（非）(株)"/>
      <sheetName val="指標（非）(財)"/>
      <sheetName val="指標（内部）(社福)"/>
      <sheetName val="指標説明"/>
      <sheetName val="財務(非)"/>
      <sheetName val="★ (財)(正味)"/>
      <sheetName val="グラフ(財)(正味)"/>
    </sheetNames>
    <sheetDataSet>
      <sheetData sheetId="0">
        <row r="4">
          <cell r="B4" t="str">
            <v>(財)大阪国際交流センター</v>
          </cell>
        </row>
        <row r="5">
          <cell r="B5" t="str">
            <v>(財)大阪市女性協会</v>
          </cell>
        </row>
        <row r="6">
          <cell r="B6" t="str">
            <v>(財)アジア・太平洋人権情報センター</v>
          </cell>
        </row>
        <row r="7">
          <cell r="B7" t="str">
            <v>(株)大阪市開発公社</v>
          </cell>
        </row>
        <row r="8">
          <cell r="B8" t="str">
            <v>大阪市土地開発公社</v>
          </cell>
        </row>
        <row r="9">
          <cell r="B9" t="str">
            <v>(財)大阪市都市工学情報センター</v>
          </cell>
        </row>
        <row r="10">
          <cell r="B10" t="str">
            <v>(株)湊町開発センター</v>
          </cell>
        </row>
        <row r="11">
          <cell r="B11" t="str">
            <v>大阪外環状鉄道(株)</v>
          </cell>
        </row>
        <row r="12">
          <cell r="B12" t="str">
            <v>(社福)大阪社会医療センター</v>
          </cell>
        </row>
        <row r="13">
          <cell r="B13" t="str">
            <v>(財)大阪市環境保健協会</v>
          </cell>
        </row>
        <row r="14">
          <cell r="B14" t="str">
            <v>(財)大阪市救急医療事業団</v>
          </cell>
        </row>
        <row r="15">
          <cell r="B15" t="str">
            <v>(財)大阪市スポーツ・みどり振興協会</v>
          </cell>
        </row>
        <row r="16">
          <cell r="B16" t="str">
            <v>(財)大阪城ホール</v>
          </cell>
        </row>
        <row r="17">
          <cell r="B17" t="str">
            <v>(財)大阪二十一世紀協会</v>
          </cell>
        </row>
        <row r="18">
          <cell r="B18" t="str">
            <v>(財)大阪市博物館協会</v>
          </cell>
        </row>
        <row r="19">
          <cell r="B19" t="str">
            <v>(財)大阪科学振興協会</v>
          </cell>
        </row>
        <row r="20">
          <cell r="B20" t="str">
            <v>(財)大阪国際経済振興センター</v>
          </cell>
        </row>
        <row r="21">
          <cell r="B21" t="str">
            <v>大阪市信用保証協会</v>
          </cell>
        </row>
        <row r="22">
          <cell r="B22" t="str">
            <v>(株)大阪マーチャンダイズ・マート</v>
          </cell>
        </row>
        <row r="23">
          <cell r="B23" t="str">
            <v>アジア太平洋トレードセンター(株)</v>
          </cell>
        </row>
        <row r="24">
          <cell r="B24" t="str">
            <v>(株)大阪鶴見フラワーセンター</v>
          </cell>
        </row>
        <row r="25">
          <cell r="B25" t="str">
            <v>大阪市商業振興企画(株)</v>
          </cell>
        </row>
        <row r="26">
          <cell r="B26" t="str">
            <v>(公財)地球環境センター</v>
          </cell>
        </row>
        <row r="27">
          <cell r="B27" t="str">
            <v>(財)大阪市環境事業協会</v>
          </cell>
        </row>
        <row r="28">
          <cell r="B28" t="str">
            <v>大阪市住宅供給公社</v>
          </cell>
        </row>
        <row r="29">
          <cell r="B29" t="str">
            <v>(財)大阪市建築技術協会</v>
          </cell>
        </row>
        <row r="30">
          <cell r="B30" t="str">
            <v>(財)大阪市都市建設技術協会</v>
          </cell>
        </row>
        <row r="31">
          <cell r="B31" t="str">
            <v>大阪市街地開発(株)</v>
          </cell>
        </row>
        <row r="32">
          <cell r="B32" t="str">
            <v>大阪市道路公社</v>
          </cell>
        </row>
        <row r="33">
          <cell r="B33" t="str">
            <v>大阪地下街(株)</v>
          </cell>
        </row>
        <row r="34">
          <cell r="B34" t="str">
            <v>クリスタ長堀(株)</v>
          </cell>
        </row>
        <row r="35">
          <cell r="B35" t="str">
            <v>(財)大阪市下水道技術協会</v>
          </cell>
        </row>
        <row r="36">
          <cell r="B36" t="str">
            <v>(財)大阪港埠頭公社</v>
          </cell>
        </row>
        <row r="37">
          <cell r="B37" t="str">
            <v>大阪港埠頭ターミナル(株)</v>
          </cell>
        </row>
        <row r="38">
          <cell r="B38" t="str">
            <v>大阪港木材倉庫(株)</v>
          </cell>
        </row>
        <row r="39">
          <cell r="B39" t="str">
            <v>(株)大阪港トランスポートシステム</v>
          </cell>
        </row>
        <row r="40">
          <cell r="B40" t="str">
            <v>大阪ウォーターフロント開発(株)</v>
          </cell>
        </row>
        <row r="41">
          <cell r="B41" t="str">
            <v>(財)大阪市消防振興協会</v>
          </cell>
        </row>
        <row r="42">
          <cell r="B42" t="str">
            <v>交通サービス(株)</v>
          </cell>
        </row>
        <row r="43">
          <cell r="B43" t="str">
            <v>大阪運輸振興(株)</v>
          </cell>
        </row>
        <row r="44">
          <cell r="B44" t="str">
            <v>(株)大阪メトロサービス</v>
          </cell>
        </row>
        <row r="45">
          <cell r="B45" t="str">
            <v>(株)大阪水道総合サービス</v>
          </cell>
        </row>
        <row r="46">
          <cell r="B46" t="str">
            <v>(財)大阪市教育振興公社</v>
          </cell>
        </row>
        <row r="47">
          <cell r="B47" t="str">
            <v>(財)大阪国際平和センター</v>
          </cell>
        </row>
        <row r="48">
          <cell r="B48" t="str">
            <v>(公財)大阪府暴力追放推進センター</v>
          </cell>
        </row>
        <row r="49">
          <cell r="B49" t="str">
            <v>関西高速鉄道(株)</v>
          </cell>
        </row>
        <row r="50">
          <cell r="B50" t="str">
            <v>大阪国際空港ターミナル(株)</v>
          </cell>
        </row>
        <row r="51">
          <cell r="B51" t="str">
            <v>西大阪高速鉄道(株)</v>
          </cell>
        </row>
        <row r="52">
          <cell r="B52" t="str">
            <v>中之島高速鉄道(株)</v>
          </cell>
        </row>
        <row r="53">
          <cell r="B53" t="str">
            <v>(株)かんでんエルハート</v>
          </cell>
        </row>
        <row r="54">
          <cell r="B54" t="str">
            <v>(財)大阪観光コンベンション協会</v>
          </cell>
        </row>
        <row r="55">
          <cell r="B55" t="str">
            <v>(財)国際花と緑の博覧会記念協会</v>
          </cell>
        </row>
        <row r="56">
          <cell r="B56" t="str">
            <v>(財)大阪市農業センター</v>
          </cell>
        </row>
        <row r="57">
          <cell r="B57" t="str">
            <v>(社)大阪市人権協会</v>
          </cell>
        </row>
        <row r="58">
          <cell r="B58" t="str">
            <v>(財)大阪市民共済会</v>
          </cell>
        </row>
        <row r="59">
          <cell r="B59" t="str">
            <v>(社福)大阪市社会福祉協議会</v>
          </cell>
        </row>
        <row r="60">
          <cell r="B60" t="str">
            <v>(社福)みおつくし福祉会</v>
          </cell>
        </row>
        <row r="61">
          <cell r="B61" t="str">
            <v>(社福)大阪市障害者福祉・スポーツ協会</v>
          </cell>
        </row>
        <row r="62">
          <cell r="B62" t="str">
            <v>(財)大阪市身体障害者団体協議会</v>
          </cell>
        </row>
        <row r="63">
          <cell r="B63" t="str">
            <v>(社)大阪市老人クラブ連合会</v>
          </cell>
        </row>
        <row r="64">
          <cell r="B64" t="str">
            <v>(社)大阪生活衛生協会</v>
          </cell>
        </row>
        <row r="65">
          <cell r="B65" t="str">
            <v>(財)大阪バイオサイエンス研究所</v>
          </cell>
        </row>
        <row r="66">
          <cell r="B66" t="str">
            <v>(財)大阪市青少年活動協会</v>
          </cell>
        </row>
        <row r="67">
          <cell r="B67" t="str">
            <v>(財)大阪市中小企業勤労者福祉サービスセンター</v>
          </cell>
        </row>
        <row r="68">
          <cell r="B68" t="str">
            <v>(財)大阪市都市型産業振興センター</v>
          </cell>
        </row>
        <row r="69">
          <cell r="B69" t="str">
            <v>(公社)大阪港振興協会</v>
          </cell>
        </row>
        <row r="70">
          <cell r="B70" t="str">
            <v>(社)大阪市清港会</v>
          </cell>
        </row>
        <row r="71">
          <cell r="B71" t="str">
            <v>(財)大阪市学校給食協会</v>
          </cell>
        </row>
        <row r="72">
          <cell r="B72" t="str">
            <v>(社福)大阪市北区社会福祉協議会</v>
          </cell>
        </row>
        <row r="73">
          <cell r="B73" t="str">
            <v>(社福)大阪市都島区社会福祉協議会</v>
          </cell>
        </row>
        <row r="74">
          <cell r="B74" t="str">
            <v>(社福)大阪市福島区社会福祉協議会</v>
          </cell>
        </row>
        <row r="75">
          <cell r="B75" t="str">
            <v>(社福)大阪市此花区社会福祉協議会</v>
          </cell>
        </row>
        <row r="76">
          <cell r="B76" t="str">
            <v>(社福)大阪市中央区社会福祉協議会</v>
          </cell>
        </row>
        <row r="77">
          <cell r="B77" t="str">
            <v>(社福)大阪市西区社会福祉協議会</v>
          </cell>
        </row>
        <row r="78">
          <cell r="B78" t="str">
            <v>(社福)大阪市港区社会福祉協議会</v>
          </cell>
        </row>
        <row r="79">
          <cell r="B79" t="str">
            <v>(社福)大阪市大正区社会福祉協議会</v>
          </cell>
        </row>
        <row r="80">
          <cell r="B80" t="str">
            <v>(社福)大阪市天王寺区社会福祉協議会</v>
          </cell>
        </row>
        <row r="81">
          <cell r="B81" t="str">
            <v>(社福)大阪市浪速区社会福祉協議会</v>
          </cell>
        </row>
        <row r="82">
          <cell r="B82" t="str">
            <v>(社福)大阪市西淀川区社会福祉協議会</v>
          </cell>
        </row>
        <row r="83">
          <cell r="B83" t="str">
            <v>(社福)大阪市淀川区社会福祉協議会</v>
          </cell>
        </row>
        <row r="84">
          <cell r="B84" t="str">
            <v>(社福)大阪市東淀川区社会福祉協議会</v>
          </cell>
        </row>
        <row r="85">
          <cell r="B85" t="str">
            <v>(社福)大阪市東成区社会福祉協議会</v>
          </cell>
        </row>
        <row r="86">
          <cell r="B86" t="str">
            <v>(社福)大阪市生野区社会福祉協議会</v>
          </cell>
        </row>
        <row r="87">
          <cell r="B87" t="str">
            <v>(社福)大阪市旭区社会福祉協議会</v>
          </cell>
        </row>
        <row r="88">
          <cell r="B88" t="str">
            <v>(社福)大阪市城東区社会福祉協議会</v>
          </cell>
        </row>
        <row r="89">
          <cell r="B89" t="str">
            <v>(社福)大阪市鶴見区社会福祉協議会</v>
          </cell>
        </row>
        <row r="90">
          <cell r="B90" t="str">
            <v>(社福)大阪市阿倍野区社会福祉協議会</v>
          </cell>
        </row>
        <row r="91">
          <cell r="B91" t="str">
            <v>(社福)大阪市住之江区社会福祉協議会</v>
          </cell>
        </row>
        <row r="92">
          <cell r="B92" t="str">
            <v>(社福)大阪市住吉区社会福祉協議会</v>
          </cell>
        </row>
        <row r="93">
          <cell r="B93" t="str">
            <v>(社福)大阪市東住吉区社会福祉協議会</v>
          </cell>
        </row>
        <row r="94">
          <cell r="B94" t="str">
            <v>(社福)大阪市平野区社会福祉協議会</v>
          </cell>
        </row>
        <row r="95">
          <cell r="B95" t="str">
            <v>(社福)大阪市西成区社会福祉協議会</v>
          </cell>
        </row>
        <row r="96">
          <cell r="B96" t="str">
            <v>堂島地下街(株)</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要望データ"/>
      <sheetName val="施設データ"/>
      <sheetName val="地区データ"/>
      <sheetName val="Sheet1"/>
    </sheetNames>
    <sheetDataSet>
      <sheetData sheetId="0">
        <row r="1">
          <cell r="A1">
            <v>22</v>
          </cell>
        </row>
      </sheetData>
      <sheetData sheetId="1" refreshError="1"/>
      <sheetData sheetId="2" refreshError="1"/>
      <sheetData sheetId="3"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893859E-5B72-4A2B-A906-30FB17F02E25}">
  <sheetPr>
    <tabColor rgb="FFFFFF00"/>
  </sheetPr>
  <dimension ref="A1:I41"/>
  <sheetViews>
    <sheetView tabSelected="1" view="pageBreakPreview" zoomScaleNormal="100" zoomScaleSheetLayoutView="100" workbookViewId="0"/>
  </sheetViews>
  <sheetFormatPr defaultRowHeight="13.5"/>
  <cols>
    <col min="1" max="1" width="3.125" customWidth="1"/>
    <col min="2" max="2" width="9.375" customWidth="1"/>
    <col min="3" max="5" width="15.75" customWidth="1"/>
    <col min="6" max="6" width="1.625" customWidth="1"/>
    <col min="7" max="7" width="15.75" customWidth="1"/>
    <col min="8" max="8" width="1.625" customWidth="1"/>
    <col min="9" max="9" width="15.75" customWidth="1"/>
  </cols>
  <sheetData>
    <row r="1" spans="1:9" ht="39.75" customHeight="1">
      <c r="A1" s="38"/>
      <c r="B1" s="38"/>
      <c r="C1" s="38"/>
      <c r="D1" s="38"/>
      <c r="E1" s="38"/>
      <c r="F1" s="38"/>
      <c r="G1" s="38"/>
      <c r="H1" s="38"/>
      <c r="I1" s="9"/>
    </row>
    <row r="2" spans="1:9" ht="18.75">
      <c r="A2" s="48" t="s">
        <v>32</v>
      </c>
      <c r="B2" s="48"/>
      <c r="C2" s="48"/>
      <c r="D2" s="48"/>
      <c r="E2" s="48"/>
      <c r="F2" s="48"/>
      <c r="G2" s="48"/>
      <c r="H2" s="48"/>
      <c r="I2" s="48"/>
    </row>
    <row r="3" spans="1:9" ht="9" customHeight="1">
      <c r="A3" s="23"/>
      <c r="B3" s="23"/>
      <c r="C3" s="23"/>
      <c r="D3" s="23"/>
      <c r="E3" s="23"/>
      <c r="F3" s="23"/>
      <c r="G3" s="23"/>
      <c r="H3" s="23"/>
      <c r="I3" s="24"/>
    </row>
    <row r="4" spans="1:9">
      <c r="A4" s="1"/>
      <c r="B4" s="1"/>
      <c r="C4" s="1"/>
      <c r="D4" s="1"/>
      <c r="E4" s="10"/>
      <c r="F4" s="25"/>
      <c r="G4" s="10"/>
      <c r="H4" s="25"/>
      <c r="I4" s="2" t="s">
        <v>0</v>
      </c>
    </row>
    <row r="5" spans="1:9" ht="39.75" customHeight="1">
      <c r="A5" s="40"/>
      <c r="B5" s="41"/>
      <c r="C5" s="3" t="s">
        <v>26</v>
      </c>
      <c r="D5" s="3" t="s">
        <v>27</v>
      </c>
      <c r="E5" s="3" t="s">
        <v>28</v>
      </c>
      <c r="F5" s="26"/>
      <c r="G5" s="3" t="s">
        <v>29</v>
      </c>
      <c r="H5" s="26"/>
      <c r="I5" s="3" t="s">
        <v>30</v>
      </c>
    </row>
    <row r="6" spans="1:9" ht="26.1" customHeight="1">
      <c r="A6" s="40" t="s">
        <v>1</v>
      </c>
      <c r="B6" s="41"/>
      <c r="C6" s="27">
        <v>1128377</v>
      </c>
      <c r="D6" s="39">
        <v>734257</v>
      </c>
      <c r="E6" s="4">
        <f>SUM(C6:D6)</f>
        <v>1862634</v>
      </c>
      <c r="F6" s="20"/>
      <c r="G6" s="20"/>
      <c r="H6" s="20"/>
      <c r="I6" s="11"/>
    </row>
    <row r="7" spans="1:9" ht="26.1" customHeight="1">
      <c r="A7" s="40" t="s">
        <v>2</v>
      </c>
      <c r="B7" s="41"/>
      <c r="C7" s="27">
        <v>509314</v>
      </c>
      <c r="D7" s="39">
        <v>508113</v>
      </c>
      <c r="E7" s="4">
        <f t="shared" ref="E7:E28" si="0">SUM(C7:D7)</f>
        <v>1017427</v>
      </c>
      <c r="F7" s="20"/>
      <c r="G7" s="20"/>
      <c r="H7" s="20"/>
      <c r="I7" s="11"/>
    </row>
    <row r="8" spans="1:9" ht="26.1" customHeight="1">
      <c r="A8" s="40" t="s">
        <v>3</v>
      </c>
      <c r="B8" s="41"/>
      <c r="C8" s="27">
        <v>390879</v>
      </c>
      <c r="D8" s="39">
        <v>384211</v>
      </c>
      <c r="E8" s="4">
        <f t="shared" si="0"/>
        <v>775090</v>
      </c>
      <c r="F8" s="20"/>
      <c r="G8" s="20"/>
      <c r="H8" s="20"/>
      <c r="I8" s="11"/>
    </row>
    <row r="9" spans="1:9" ht="26.1" customHeight="1">
      <c r="A9" s="40" t="s">
        <v>4</v>
      </c>
      <c r="B9" s="41"/>
      <c r="C9" s="27">
        <v>351541</v>
      </c>
      <c r="D9" s="39">
        <v>537694</v>
      </c>
      <c r="E9" s="4">
        <f t="shared" si="0"/>
        <v>889235</v>
      </c>
      <c r="F9" s="20"/>
      <c r="G9" s="20"/>
      <c r="H9" s="20"/>
      <c r="I9" s="11"/>
    </row>
    <row r="10" spans="1:9" ht="26.1" customHeight="1">
      <c r="A10" s="40" t="s">
        <v>5</v>
      </c>
      <c r="B10" s="41"/>
      <c r="C10" s="27">
        <v>740668</v>
      </c>
      <c r="D10" s="39">
        <v>594669</v>
      </c>
      <c r="E10" s="4">
        <f t="shared" si="0"/>
        <v>1335337</v>
      </c>
      <c r="F10" s="20"/>
      <c r="G10" s="20"/>
      <c r="H10" s="20"/>
      <c r="I10" s="11"/>
    </row>
    <row r="11" spans="1:9" ht="26.1" customHeight="1">
      <c r="A11" s="40" t="s">
        <v>6</v>
      </c>
      <c r="B11" s="41"/>
      <c r="C11" s="27">
        <v>454131</v>
      </c>
      <c r="D11" s="39">
        <v>509035</v>
      </c>
      <c r="E11" s="4">
        <f t="shared" si="0"/>
        <v>963166</v>
      </c>
      <c r="F11" s="20"/>
      <c r="G11" s="20"/>
      <c r="H11" s="20"/>
      <c r="I11" s="11"/>
    </row>
    <row r="12" spans="1:9" ht="26.1" customHeight="1">
      <c r="A12" s="40" t="s">
        <v>7</v>
      </c>
      <c r="B12" s="41"/>
      <c r="C12" s="27">
        <v>461808</v>
      </c>
      <c r="D12" s="39">
        <v>423213</v>
      </c>
      <c r="E12" s="4">
        <f t="shared" si="0"/>
        <v>885021</v>
      </c>
      <c r="F12" s="20"/>
      <c r="G12" s="20"/>
      <c r="H12" s="20"/>
      <c r="I12" s="11"/>
    </row>
    <row r="13" spans="1:9" ht="26.1" customHeight="1">
      <c r="A13" s="40" t="s">
        <v>8</v>
      </c>
      <c r="B13" s="41"/>
      <c r="C13" s="27">
        <v>392643</v>
      </c>
      <c r="D13" s="39">
        <v>459732</v>
      </c>
      <c r="E13" s="4">
        <f t="shared" si="0"/>
        <v>852375</v>
      </c>
      <c r="F13" s="20"/>
      <c r="G13" s="20"/>
      <c r="H13" s="20"/>
      <c r="I13" s="11"/>
    </row>
    <row r="14" spans="1:9" ht="26.1" customHeight="1">
      <c r="A14" s="40" t="s">
        <v>9</v>
      </c>
      <c r="B14" s="41"/>
      <c r="C14" s="27">
        <v>372408</v>
      </c>
      <c r="D14" s="39">
        <v>569480</v>
      </c>
      <c r="E14" s="4">
        <f t="shared" si="0"/>
        <v>941888</v>
      </c>
      <c r="F14" s="20"/>
      <c r="G14" s="20"/>
      <c r="H14" s="20"/>
      <c r="I14" s="11"/>
    </row>
    <row r="15" spans="1:9" ht="26.1" customHeight="1">
      <c r="A15" s="40" t="s">
        <v>10</v>
      </c>
      <c r="B15" s="41"/>
      <c r="C15" s="27">
        <v>526898</v>
      </c>
      <c r="D15" s="39">
        <v>404210</v>
      </c>
      <c r="E15" s="4">
        <f t="shared" si="0"/>
        <v>931108</v>
      </c>
      <c r="F15" s="20"/>
      <c r="G15" s="20"/>
      <c r="H15" s="20"/>
      <c r="I15" s="28"/>
    </row>
    <row r="16" spans="1:9" ht="26.1" customHeight="1">
      <c r="A16" s="40" t="s">
        <v>11</v>
      </c>
      <c r="B16" s="41"/>
      <c r="C16" s="27">
        <v>445612</v>
      </c>
      <c r="D16" s="39">
        <v>512076</v>
      </c>
      <c r="E16" s="4">
        <f t="shared" si="0"/>
        <v>957688</v>
      </c>
      <c r="F16" s="20"/>
      <c r="G16" s="20"/>
      <c r="H16" s="20"/>
      <c r="I16" s="29"/>
    </row>
    <row r="17" spans="1:9" ht="26.1" customHeight="1">
      <c r="A17" s="40" t="s">
        <v>12</v>
      </c>
      <c r="B17" s="41"/>
      <c r="C17" s="27">
        <v>554898</v>
      </c>
      <c r="D17" s="39">
        <v>826608</v>
      </c>
      <c r="E17" s="4">
        <f t="shared" si="0"/>
        <v>1381506</v>
      </c>
      <c r="F17" s="20"/>
      <c r="G17" s="20">
        <v>131138503</v>
      </c>
      <c r="H17" s="20"/>
      <c r="I17" s="30">
        <v>6293022</v>
      </c>
    </row>
    <row r="18" spans="1:9" ht="26.1" customHeight="1">
      <c r="A18" s="40" t="s">
        <v>13</v>
      </c>
      <c r="B18" s="41"/>
      <c r="C18" s="27">
        <v>601788</v>
      </c>
      <c r="D18" s="39">
        <v>660071</v>
      </c>
      <c r="E18" s="4">
        <f t="shared" si="0"/>
        <v>1261859</v>
      </c>
      <c r="F18" s="20"/>
      <c r="G18" s="20"/>
      <c r="H18" s="20"/>
      <c r="I18" s="12"/>
    </row>
    <row r="19" spans="1:9" ht="26.1" customHeight="1">
      <c r="A19" s="40" t="s">
        <v>14</v>
      </c>
      <c r="B19" s="41"/>
      <c r="C19" s="27">
        <v>444242</v>
      </c>
      <c r="D19" s="39">
        <v>369105</v>
      </c>
      <c r="E19" s="4">
        <f t="shared" si="0"/>
        <v>813347</v>
      </c>
      <c r="F19" s="20"/>
      <c r="G19" s="20"/>
      <c r="H19" s="20"/>
      <c r="I19" s="47"/>
    </row>
    <row r="20" spans="1:9" ht="26.1" customHeight="1">
      <c r="A20" s="40" t="s">
        <v>15</v>
      </c>
      <c r="B20" s="41"/>
      <c r="C20" s="27">
        <v>802391</v>
      </c>
      <c r="D20" s="39">
        <v>597569</v>
      </c>
      <c r="E20" s="4">
        <f t="shared" si="0"/>
        <v>1399960</v>
      </c>
      <c r="F20" s="20"/>
      <c r="G20" s="20"/>
      <c r="H20" s="20"/>
      <c r="I20" s="47"/>
    </row>
    <row r="21" spans="1:9" ht="26.1" customHeight="1">
      <c r="A21" s="40" t="s">
        <v>16</v>
      </c>
      <c r="B21" s="41"/>
      <c r="C21" s="27">
        <v>467665</v>
      </c>
      <c r="D21" s="39">
        <v>583876</v>
      </c>
      <c r="E21" s="4">
        <f t="shared" si="0"/>
        <v>1051541</v>
      </c>
      <c r="F21" s="20"/>
      <c r="G21" s="20"/>
      <c r="H21" s="20"/>
      <c r="I21" s="13"/>
    </row>
    <row r="22" spans="1:9" ht="26.1" customHeight="1">
      <c r="A22" s="40" t="s">
        <v>17</v>
      </c>
      <c r="B22" s="41"/>
      <c r="C22" s="27">
        <v>532152</v>
      </c>
      <c r="D22" s="39">
        <v>510809</v>
      </c>
      <c r="E22" s="4">
        <f t="shared" si="0"/>
        <v>1042961</v>
      </c>
      <c r="F22" s="20"/>
      <c r="G22" s="20"/>
      <c r="H22" s="20"/>
      <c r="I22" s="14"/>
    </row>
    <row r="23" spans="1:9" ht="26.1" customHeight="1">
      <c r="A23" s="40" t="s">
        <v>18</v>
      </c>
      <c r="B23" s="41"/>
      <c r="C23" s="27">
        <v>453173</v>
      </c>
      <c r="D23" s="39">
        <v>545425</v>
      </c>
      <c r="E23" s="4">
        <f t="shared" si="0"/>
        <v>998598</v>
      </c>
      <c r="F23" s="20"/>
      <c r="G23" s="20"/>
      <c r="H23" s="20"/>
      <c r="I23" s="11"/>
    </row>
    <row r="24" spans="1:9" ht="26.1" customHeight="1">
      <c r="A24" s="40" t="s">
        <v>19</v>
      </c>
      <c r="B24" s="41"/>
      <c r="C24" s="27">
        <v>440522</v>
      </c>
      <c r="D24" s="39">
        <v>521931</v>
      </c>
      <c r="E24" s="4">
        <f t="shared" si="0"/>
        <v>962453</v>
      </c>
      <c r="F24" s="20"/>
      <c r="G24" s="20"/>
      <c r="H24" s="20"/>
      <c r="I24" s="11"/>
    </row>
    <row r="25" spans="1:9" ht="26.1" customHeight="1">
      <c r="A25" s="40" t="s">
        <v>20</v>
      </c>
      <c r="B25" s="41"/>
      <c r="C25" s="27">
        <v>405267</v>
      </c>
      <c r="D25" s="39">
        <v>869796</v>
      </c>
      <c r="E25" s="4">
        <f t="shared" si="0"/>
        <v>1275063</v>
      </c>
      <c r="F25" s="20"/>
      <c r="G25" s="20"/>
      <c r="H25" s="20"/>
      <c r="I25" s="11"/>
    </row>
    <row r="26" spans="1:9" ht="26.1" customHeight="1">
      <c r="A26" s="40" t="s">
        <v>21</v>
      </c>
      <c r="B26" s="41"/>
      <c r="C26" s="27">
        <v>526060</v>
      </c>
      <c r="D26" s="39">
        <v>649540</v>
      </c>
      <c r="E26" s="4">
        <f t="shared" si="0"/>
        <v>1175600</v>
      </c>
      <c r="F26" s="20"/>
      <c r="G26" s="20"/>
      <c r="H26" s="20"/>
      <c r="I26" s="11"/>
    </row>
    <row r="27" spans="1:9" ht="26.1" customHeight="1">
      <c r="A27" s="40" t="s">
        <v>22</v>
      </c>
      <c r="B27" s="41"/>
      <c r="C27" s="27">
        <v>664870</v>
      </c>
      <c r="D27" s="39">
        <v>599267</v>
      </c>
      <c r="E27" s="4">
        <f t="shared" si="0"/>
        <v>1264137</v>
      </c>
      <c r="F27" s="20"/>
      <c r="G27" s="20"/>
      <c r="H27" s="20"/>
      <c r="I27" s="11"/>
    </row>
    <row r="28" spans="1:9" ht="26.1" customHeight="1">
      <c r="A28" s="40" t="s">
        <v>23</v>
      </c>
      <c r="B28" s="41"/>
      <c r="C28" s="27">
        <v>809503</v>
      </c>
      <c r="D28" s="39">
        <v>646072</v>
      </c>
      <c r="E28" s="4">
        <f t="shared" si="0"/>
        <v>1455575</v>
      </c>
      <c r="F28" s="20"/>
      <c r="G28" s="20"/>
      <c r="H28" s="20"/>
      <c r="I28" s="11"/>
    </row>
    <row r="29" spans="1:9" ht="26.1" customHeight="1">
      <c r="A29" s="40" t="s">
        <v>24</v>
      </c>
      <c r="B29" s="41"/>
      <c r="C29" s="27">
        <v>966896</v>
      </c>
      <c r="D29" s="39">
        <v>580683</v>
      </c>
      <c r="E29" s="4">
        <f>SUM(C29:D29)</f>
        <v>1547579</v>
      </c>
      <c r="F29" s="20"/>
      <c r="G29" s="4"/>
      <c r="H29" s="20"/>
      <c r="I29" s="15"/>
    </row>
    <row r="30" spans="1:9" ht="4.5" customHeight="1">
      <c r="A30" s="5"/>
      <c r="B30" s="5"/>
      <c r="C30" s="31"/>
      <c r="D30" s="6"/>
      <c r="E30" s="7"/>
      <c r="F30" s="32"/>
      <c r="G30" s="21"/>
      <c r="H30" s="32"/>
      <c r="I30" s="16"/>
    </row>
    <row r="31" spans="1:9" ht="26.1" customHeight="1">
      <c r="A31" s="42" t="s">
        <v>25</v>
      </c>
      <c r="B31" s="43"/>
      <c r="C31" s="17">
        <f>SUM(C6:C29)</f>
        <v>13443706</v>
      </c>
      <c r="D31" s="18">
        <f>SUM(D6:D29)</f>
        <v>13597442</v>
      </c>
      <c r="E31" s="17">
        <f>SUM(E6:E29)</f>
        <v>27041148</v>
      </c>
      <c r="F31" s="33"/>
      <c r="G31" s="19">
        <f>SUM(G6:G29)</f>
        <v>131138503</v>
      </c>
      <c r="H31" s="33"/>
      <c r="I31" s="19">
        <f>SUM(I6:I29)</f>
        <v>6293022</v>
      </c>
    </row>
    <row r="32" spans="1:9" ht="9.75" customHeight="1">
      <c r="A32" s="34"/>
      <c r="B32" s="34"/>
      <c r="C32" s="35"/>
      <c r="D32" s="35"/>
      <c r="E32" s="35"/>
      <c r="F32" s="35"/>
      <c r="G32" s="35"/>
      <c r="H32" s="35"/>
      <c r="I32" s="36"/>
    </row>
    <row r="33" spans="1:9" ht="26.1" customHeight="1">
      <c r="A33" s="44" t="s">
        <v>31</v>
      </c>
      <c r="B33" s="45"/>
      <c r="C33" s="45"/>
      <c r="D33" s="45"/>
      <c r="E33" s="45"/>
      <c r="F33" s="45"/>
      <c r="G33" s="45"/>
      <c r="H33" s="46"/>
      <c r="I33" s="22">
        <f>E31+G31+I31</f>
        <v>164472673</v>
      </c>
    </row>
    <row r="34" spans="1:9" ht="17.25" customHeight="1">
      <c r="A34" s="37"/>
      <c r="B34" s="37"/>
      <c r="C34" s="37"/>
      <c r="D34" s="37"/>
      <c r="E34" s="37"/>
      <c r="F34" s="37"/>
      <c r="G34" s="37"/>
      <c r="H34" s="37"/>
      <c r="I34" s="37"/>
    </row>
    <row r="35" spans="1:9">
      <c r="A35" s="8"/>
      <c r="B35" s="8"/>
      <c r="C35" s="8"/>
      <c r="D35" s="8"/>
      <c r="E35" s="8"/>
      <c r="F35" s="8"/>
      <c r="G35" s="8"/>
      <c r="H35" s="8"/>
      <c r="I35" s="8"/>
    </row>
    <row r="36" spans="1:9">
      <c r="A36" s="8"/>
      <c r="B36" s="8"/>
      <c r="C36" s="8"/>
      <c r="D36" s="8"/>
      <c r="E36" s="8"/>
      <c r="F36" s="8"/>
      <c r="G36" s="8"/>
      <c r="H36" s="8"/>
      <c r="I36" s="8"/>
    </row>
    <row r="37" spans="1:9">
      <c r="A37" s="8"/>
      <c r="B37" s="8"/>
      <c r="C37" s="8"/>
      <c r="D37" s="8"/>
      <c r="E37" s="8"/>
      <c r="F37" s="8"/>
      <c r="G37" s="8"/>
      <c r="H37" s="8"/>
      <c r="I37" s="8"/>
    </row>
    <row r="38" spans="1:9">
      <c r="A38" s="8"/>
      <c r="B38" s="8"/>
      <c r="C38" s="8"/>
      <c r="D38" s="8"/>
      <c r="E38" s="8"/>
      <c r="F38" s="8"/>
      <c r="G38" s="8"/>
      <c r="H38" s="8"/>
      <c r="I38" s="8"/>
    </row>
    <row r="39" spans="1:9">
      <c r="A39" s="8"/>
      <c r="B39" s="8"/>
      <c r="C39" s="8"/>
      <c r="D39" s="8"/>
      <c r="E39" s="8"/>
      <c r="F39" s="8"/>
      <c r="G39" s="8"/>
      <c r="H39" s="8"/>
      <c r="I39" s="8"/>
    </row>
    <row r="40" spans="1:9">
      <c r="A40" s="8"/>
      <c r="B40" s="8"/>
      <c r="C40" s="8"/>
      <c r="D40" s="8"/>
      <c r="E40" s="8"/>
      <c r="F40" s="8"/>
      <c r="G40" s="8"/>
      <c r="H40" s="8"/>
      <c r="I40" s="8"/>
    </row>
    <row r="41" spans="1:9">
      <c r="A41" s="8"/>
      <c r="B41" s="8"/>
      <c r="C41" s="8"/>
      <c r="D41" s="8"/>
      <c r="E41" s="8"/>
      <c r="F41" s="8"/>
      <c r="G41" s="8"/>
      <c r="H41" s="8"/>
      <c r="I41" s="8"/>
    </row>
  </sheetData>
  <mergeCells count="29">
    <mergeCell ref="A9:B9"/>
    <mergeCell ref="A2:I2"/>
    <mergeCell ref="A5:B5"/>
    <mergeCell ref="A6:B6"/>
    <mergeCell ref="A7:B7"/>
    <mergeCell ref="A8:B8"/>
    <mergeCell ref="I19:I20"/>
    <mergeCell ref="A20:B20"/>
    <mergeCell ref="A10:B10"/>
    <mergeCell ref="A11:B11"/>
    <mergeCell ref="A12:B12"/>
    <mergeCell ref="A13:B13"/>
    <mergeCell ref="A14:B14"/>
    <mergeCell ref="A15:B15"/>
    <mergeCell ref="A26:B26"/>
    <mergeCell ref="A16:B16"/>
    <mergeCell ref="A17:B17"/>
    <mergeCell ref="A18:B18"/>
    <mergeCell ref="A19:B19"/>
    <mergeCell ref="A21:B21"/>
    <mergeCell ref="A22:B22"/>
    <mergeCell ref="A23:B23"/>
    <mergeCell ref="A24:B24"/>
    <mergeCell ref="A25:B25"/>
    <mergeCell ref="A27:B27"/>
    <mergeCell ref="A28:B28"/>
    <mergeCell ref="A29:B29"/>
    <mergeCell ref="A31:B31"/>
    <mergeCell ref="A33:H33"/>
  </mergeCells>
  <phoneticPr fontId="1"/>
  <printOptions horizontalCentered="1"/>
  <pageMargins left="0.59055118110236227" right="0.39370078740157483" top="0.46" bottom="0.35433070866141736"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R8総括表</vt:lpstr>
      <vt:lpstr>'R8総括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6-02-16T00:19:58Z</dcterms:created>
  <dcterms:modified xsi:type="dcterms:W3CDTF">2026-02-16T00:20:08Z</dcterms:modified>
</cp:coreProperties>
</file>